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2690" yWindow="600" windowWidth="10730" windowHeight="12360"/>
  </bookViews>
  <sheets>
    <sheet name="児童発達支援Ｃ" sheetId="4" r:id="rId1"/>
  </sheets>
  <definedNames>
    <definedName name="_xlnm.Print_Area" localSheetId="0">児童発達支援Ｃ!$A$1:$J$247</definedName>
  </definedNames>
  <calcPr calcId="125725"/>
</workbook>
</file>

<file path=xl/sharedStrings.xml><?xml version="1.0" encoding="utf-8"?>
<sst xmlns="http://schemas.openxmlformats.org/spreadsheetml/2006/main" count="377" uniqueCount="170">
  <si>
    <t>【児童発達支援センター】</t>
    <phoneticPr fontId="3"/>
  </si>
  <si>
    <t>１　経営主体の名称</t>
    <rPh sb="2" eb="4">
      <t>ケイエイ</t>
    </rPh>
    <rPh sb="4" eb="6">
      <t>シュタイ</t>
    </rPh>
    <rPh sb="7" eb="9">
      <t>メイショウ</t>
    </rPh>
    <phoneticPr fontId="3"/>
  </si>
  <si>
    <t>２　経営主体の住所</t>
    <rPh sb="2" eb="4">
      <t>ケイエイ</t>
    </rPh>
    <rPh sb="4" eb="6">
      <t>シュタイ</t>
    </rPh>
    <rPh sb="7" eb="9">
      <t>ジュウショ</t>
    </rPh>
    <phoneticPr fontId="3"/>
  </si>
  <si>
    <t>〒</t>
    <phoneticPr fontId="3"/>
  </si>
  <si>
    <t>３　施設の名称</t>
    <rPh sb="2" eb="4">
      <t>シセツ</t>
    </rPh>
    <rPh sb="5" eb="7">
      <t>メイショウ</t>
    </rPh>
    <phoneticPr fontId="3"/>
  </si>
  <si>
    <t>４　施設の住所、連絡先</t>
    <rPh sb="2" eb="4">
      <t>シセツ</t>
    </rPh>
    <rPh sb="5" eb="7">
      <t>ジュウショ</t>
    </rPh>
    <rPh sb="8" eb="11">
      <t>レンラクサキ</t>
    </rPh>
    <phoneticPr fontId="3"/>
  </si>
  <si>
    <t>ＴＥＬ</t>
    <phoneticPr fontId="3"/>
  </si>
  <si>
    <t>ＦＡＸ</t>
    <phoneticPr fontId="3"/>
  </si>
  <si>
    <t>人</t>
    <rPh sb="0" eb="1">
      <t>ヒト</t>
    </rPh>
    <phoneticPr fontId="3"/>
  </si>
  <si>
    <t>内訳</t>
    <rPh sb="0" eb="2">
      <t>ウチワケ</t>
    </rPh>
    <phoneticPr fontId="3"/>
  </si>
  <si>
    <t>嘱託医</t>
    <rPh sb="0" eb="2">
      <t>ショクタク</t>
    </rPh>
    <rPh sb="2" eb="3">
      <t>イ</t>
    </rPh>
    <phoneticPr fontId="3"/>
  </si>
  <si>
    <t>児童指導員</t>
    <rPh sb="0" eb="2">
      <t>ジドウ</t>
    </rPh>
    <rPh sb="2" eb="5">
      <t>シドウイン</t>
    </rPh>
    <phoneticPr fontId="3"/>
  </si>
  <si>
    <t>人（常勤</t>
    <rPh sb="0" eb="1">
      <t>ヒト</t>
    </rPh>
    <rPh sb="2" eb="4">
      <t>ジョウキン</t>
    </rPh>
    <phoneticPr fontId="3"/>
  </si>
  <si>
    <t xml:space="preserve">      人</t>
    <rPh sb="6" eb="7">
      <t>ヒト</t>
    </rPh>
    <phoneticPr fontId="3"/>
  </si>
  <si>
    <t>非常勤</t>
    <rPh sb="0" eb="3">
      <t>ヒジョウキン</t>
    </rPh>
    <phoneticPr fontId="3"/>
  </si>
  <si>
    <t>）</t>
    <phoneticPr fontId="3"/>
  </si>
  <si>
    <t>保育士</t>
    <rPh sb="0" eb="2">
      <t>ホイク</t>
    </rPh>
    <rPh sb="2" eb="3">
      <t>シ</t>
    </rPh>
    <phoneticPr fontId="3"/>
  </si>
  <si>
    <t>栄養士</t>
    <rPh sb="0" eb="3">
      <t>エイヨウシ</t>
    </rPh>
    <phoneticPr fontId="3"/>
  </si>
  <si>
    <t>調理員</t>
    <rPh sb="0" eb="3">
      <t>チョウリイン</t>
    </rPh>
    <phoneticPr fontId="3"/>
  </si>
  <si>
    <t>機能訓練担当職員</t>
    <rPh sb="0" eb="2">
      <t>キノウ</t>
    </rPh>
    <rPh sb="2" eb="4">
      <t>クンレン</t>
    </rPh>
    <rPh sb="4" eb="6">
      <t>タントウ</t>
    </rPh>
    <rPh sb="6" eb="8">
      <t>ショクイン</t>
    </rPh>
    <phoneticPr fontId="3"/>
  </si>
  <si>
    <t>言語聴覚士</t>
    <rPh sb="0" eb="2">
      <t>ゲンゴ</t>
    </rPh>
    <rPh sb="2" eb="4">
      <t>チョウカク</t>
    </rPh>
    <rPh sb="4" eb="5">
      <t>シ</t>
    </rPh>
    <phoneticPr fontId="3"/>
  </si>
  <si>
    <t>人</t>
  </si>
  <si>
    <t>名称</t>
    <rPh sb="0" eb="2">
      <t>メイショウ</t>
    </rPh>
    <phoneticPr fontId="3"/>
  </si>
  <si>
    <t>診療科名</t>
    <rPh sb="0" eb="2">
      <t>シンリョウ</t>
    </rPh>
    <rPh sb="2" eb="3">
      <t>カ</t>
    </rPh>
    <rPh sb="3" eb="4">
      <t>ナ</t>
    </rPh>
    <phoneticPr fontId="3"/>
  </si>
  <si>
    <t xml:space="preserve">    がありますか。</t>
    <phoneticPr fontId="3"/>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3"/>
  </si>
  <si>
    <t>パンフレット等</t>
    <rPh sb="6" eb="7">
      <t>トウ</t>
    </rPh>
    <phoneticPr fontId="3"/>
  </si>
  <si>
    <t>あり</t>
  </si>
  <si>
    <t>なし</t>
  </si>
  <si>
    <t>あり</t>
    <phoneticPr fontId="3"/>
  </si>
  <si>
    <t>なし</t>
    <phoneticPr fontId="3"/>
  </si>
  <si>
    <t>あり（　Ⅰ・Ⅱ　）</t>
    <phoneticPr fontId="3"/>
  </si>
  <si>
    <t>　(1) 地方公共団体が設置する指定児童発達支援事</t>
    <rPh sb="5" eb="7">
      <t>チホウ</t>
    </rPh>
    <rPh sb="7" eb="9">
      <t>コウキョウ</t>
    </rPh>
    <rPh sb="9" eb="11">
      <t>ダンタイ</t>
    </rPh>
    <rPh sb="12" eb="14">
      <t>セッチ</t>
    </rPh>
    <rPh sb="16" eb="18">
      <t>シテイ</t>
    </rPh>
    <rPh sb="18" eb="20">
      <t>ジドウ</t>
    </rPh>
    <rPh sb="20" eb="22">
      <t>ハッタツ</t>
    </rPh>
    <rPh sb="22" eb="24">
      <t>シエン</t>
    </rPh>
    <phoneticPr fontId="3"/>
  </si>
  <si>
    <t>　　業所による減算</t>
    <phoneticPr fontId="3"/>
  </si>
  <si>
    <t>　　減算</t>
    <phoneticPr fontId="3"/>
  </si>
  <si>
    <t>　記載してください。</t>
    <phoneticPr fontId="3"/>
  </si>
  <si>
    <t>　年　月　日</t>
    <rPh sb="1" eb="2">
      <t>ネン</t>
    </rPh>
    <rPh sb="3" eb="4">
      <t>ガツ</t>
    </rPh>
    <rPh sb="5" eb="6">
      <t>ニチ</t>
    </rPh>
    <phoneticPr fontId="3"/>
  </si>
  <si>
    <t xml:space="preserve">      人</t>
    <rPh sb="6" eb="7">
      <t>ニン</t>
    </rPh>
    <phoneticPr fontId="3"/>
  </si>
  <si>
    <t>　ださい。</t>
    <phoneticPr fontId="3"/>
  </si>
  <si>
    <t>　年　月</t>
    <rPh sb="1" eb="2">
      <t>トシ</t>
    </rPh>
    <rPh sb="3" eb="4">
      <t>ツキ</t>
    </rPh>
    <phoneticPr fontId="3"/>
  </si>
  <si>
    <t>人</t>
    <rPh sb="0" eb="1">
      <t>ニン</t>
    </rPh>
    <phoneticPr fontId="3"/>
  </si>
  <si>
    <t>日</t>
    <rPh sb="0" eb="1">
      <t>ニチ</t>
    </rPh>
    <phoneticPr fontId="3"/>
  </si>
  <si>
    <t>㎡</t>
    <phoneticPr fontId="3"/>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3"/>
  </si>
  <si>
    <t>はい</t>
  </si>
  <si>
    <t>いいえ</t>
  </si>
  <si>
    <t>施設・設備</t>
    <rPh sb="0" eb="2">
      <t>シセツ</t>
    </rPh>
    <rPh sb="3" eb="5">
      <t>セツビ</t>
    </rPh>
    <phoneticPr fontId="4"/>
  </si>
  <si>
    <t>設置義務</t>
    <rPh sb="0" eb="2">
      <t>セッチ</t>
    </rPh>
    <rPh sb="2" eb="4">
      <t>ギム</t>
    </rPh>
    <phoneticPr fontId="3"/>
  </si>
  <si>
    <t>現状</t>
    <rPh sb="0" eb="2">
      <t>ゲンジョウ</t>
    </rPh>
    <phoneticPr fontId="3"/>
  </si>
  <si>
    <t>防火設備</t>
    <rPh sb="0" eb="2">
      <t>ボウカ</t>
    </rPh>
    <rPh sb="2" eb="4">
      <t>セツビ</t>
    </rPh>
    <phoneticPr fontId="3"/>
  </si>
  <si>
    <t>避難階段</t>
    <rPh sb="0" eb="2">
      <t>ヒナン</t>
    </rPh>
    <rPh sb="2" eb="4">
      <t>カイダン</t>
    </rPh>
    <phoneticPr fontId="5"/>
  </si>
  <si>
    <t>有・無</t>
    <rPh sb="0" eb="1">
      <t>ア</t>
    </rPh>
    <rPh sb="2" eb="3">
      <t>ム</t>
    </rPh>
    <phoneticPr fontId="3"/>
  </si>
  <si>
    <t>　有（　　ヵ所）　・　無</t>
    <rPh sb="1" eb="2">
      <t>ユウ</t>
    </rPh>
    <rPh sb="6" eb="7">
      <t>ショ</t>
    </rPh>
    <rPh sb="11" eb="12">
      <t>ム</t>
    </rPh>
    <phoneticPr fontId="5"/>
  </si>
  <si>
    <t>避難口</t>
    <rPh sb="0" eb="2">
      <t>ヒナン</t>
    </rPh>
    <rPh sb="2" eb="3">
      <t>グチ</t>
    </rPh>
    <phoneticPr fontId="5"/>
  </si>
  <si>
    <t>居室・廊下・階段等の内装</t>
    <rPh sb="0" eb="2">
      <t>キョシツ</t>
    </rPh>
    <rPh sb="3" eb="5">
      <t>ロウカ</t>
    </rPh>
    <rPh sb="6" eb="8">
      <t>カイダン</t>
    </rPh>
    <rPh sb="8" eb="9">
      <t>トウ</t>
    </rPh>
    <rPh sb="10" eb="12">
      <t>ナイソウ</t>
    </rPh>
    <phoneticPr fontId="3"/>
  </si>
  <si>
    <t>　適　・　不適</t>
    <rPh sb="1" eb="7">
      <t>テキフテキ</t>
    </rPh>
    <phoneticPr fontId="5"/>
  </si>
  <si>
    <t>防火戸・防火シャッター</t>
    <rPh sb="0" eb="2">
      <t>ボウカ</t>
    </rPh>
    <rPh sb="2" eb="3">
      <t>ト</t>
    </rPh>
    <rPh sb="4" eb="6">
      <t>ボウカ</t>
    </rPh>
    <phoneticPr fontId="3"/>
  </si>
  <si>
    <t>消防用設備</t>
    <rPh sb="0" eb="2">
      <t>ショウボウ</t>
    </rPh>
    <rPh sb="2" eb="3">
      <t>ヨウ</t>
    </rPh>
    <rPh sb="3" eb="5">
      <t>セツビ</t>
    </rPh>
    <phoneticPr fontId="3"/>
  </si>
  <si>
    <t>屋内消火栓設備</t>
    <rPh sb="0" eb="2">
      <t>オクナイ</t>
    </rPh>
    <rPh sb="2" eb="5">
      <t>ショウカセン</t>
    </rPh>
    <rPh sb="5" eb="7">
      <t>セツビ</t>
    </rPh>
    <phoneticPr fontId="3"/>
  </si>
  <si>
    <t>屋外消火栓設備</t>
    <rPh sb="0" eb="2">
      <t>オクガイ</t>
    </rPh>
    <rPh sb="2" eb="5">
      <t>ショウカセン</t>
    </rPh>
    <rPh sb="5" eb="7">
      <t>セツビ</t>
    </rPh>
    <phoneticPr fontId="3"/>
  </si>
  <si>
    <t>スプリンクラー設備</t>
    <rPh sb="7" eb="9">
      <t>セツビ</t>
    </rPh>
    <phoneticPr fontId="3"/>
  </si>
  <si>
    <t>　有　・　無</t>
    <rPh sb="1" eb="6">
      <t>ウム</t>
    </rPh>
    <phoneticPr fontId="5"/>
  </si>
  <si>
    <t>自動火災報知設備</t>
    <rPh sb="0" eb="2">
      <t>ジドウ</t>
    </rPh>
    <rPh sb="2" eb="4">
      <t>カサイ</t>
    </rPh>
    <rPh sb="4" eb="6">
      <t>ホウチ</t>
    </rPh>
    <rPh sb="6" eb="8">
      <t>セツビ</t>
    </rPh>
    <phoneticPr fontId="3"/>
  </si>
  <si>
    <t>火災通報装置</t>
    <rPh sb="0" eb="2">
      <t>カサイ</t>
    </rPh>
    <rPh sb="2" eb="4">
      <t>ツウホウ</t>
    </rPh>
    <rPh sb="4" eb="6">
      <t>ソウチ</t>
    </rPh>
    <phoneticPr fontId="3"/>
  </si>
  <si>
    <t>漏電火災警報機</t>
    <rPh sb="0" eb="2">
      <t>ロウデン</t>
    </rPh>
    <rPh sb="2" eb="4">
      <t>カサイ</t>
    </rPh>
    <rPh sb="4" eb="7">
      <t>ケイホウキ</t>
    </rPh>
    <phoneticPr fontId="3"/>
  </si>
  <si>
    <t>非常警報設備</t>
    <rPh sb="0" eb="2">
      <t>ヒジョウ</t>
    </rPh>
    <rPh sb="2" eb="4">
      <t>ケイホウ</t>
    </rPh>
    <rPh sb="4" eb="6">
      <t>セツビ</t>
    </rPh>
    <phoneticPr fontId="3"/>
  </si>
  <si>
    <t>避難器具（すべり台・救助袋）</t>
    <rPh sb="0" eb="2">
      <t>ヒナン</t>
    </rPh>
    <rPh sb="2" eb="4">
      <t>キグ</t>
    </rPh>
    <rPh sb="8" eb="9">
      <t>ダイ</t>
    </rPh>
    <rPh sb="10" eb="12">
      <t>キュウジョ</t>
    </rPh>
    <rPh sb="12" eb="13">
      <t>ブクロ</t>
    </rPh>
    <phoneticPr fontId="3"/>
  </si>
  <si>
    <t>誘導灯及び誘導標識</t>
    <rPh sb="0" eb="2">
      <t>ユウドウ</t>
    </rPh>
    <rPh sb="2" eb="3">
      <t>トウ</t>
    </rPh>
    <rPh sb="3" eb="4">
      <t>オヨ</t>
    </rPh>
    <rPh sb="5" eb="7">
      <t>ユウドウ</t>
    </rPh>
    <rPh sb="7" eb="9">
      <t>ヒョウシキ</t>
    </rPh>
    <phoneticPr fontId="3"/>
  </si>
  <si>
    <t>防火用水</t>
    <rPh sb="0" eb="4">
      <t>ボウカヨウスイ</t>
    </rPh>
    <phoneticPr fontId="3"/>
  </si>
  <si>
    <t>非常電源設備（自家発電設備）</t>
    <rPh sb="0" eb="4">
      <t>ヒジョウデンゲン</t>
    </rPh>
    <rPh sb="4" eb="6">
      <t>セツビ</t>
    </rPh>
    <rPh sb="7" eb="9">
      <t>ジカ</t>
    </rPh>
    <rPh sb="9" eb="11">
      <t>ハツデン</t>
    </rPh>
    <rPh sb="11" eb="13">
      <t>セツビ</t>
    </rPh>
    <phoneticPr fontId="3"/>
  </si>
  <si>
    <t>消火器具</t>
    <rPh sb="0" eb="2">
      <t>ショウカ</t>
    </rPh>
    <rPh sb="2" eb="4">
      <t>キグ</t>
    </rPh>
    <phoneticPr fontId="3"/>
  </si>
  <si>
    <t>　　　　　　　　　個</t>
    <rPh sb="9" eb="10">
      <t>コ</t>
    </rPh>
    <phoneticPr fontId="3"/>
  </si>
  <si>
    <t>有</t>
    <rPh sb="0" eb="1">
      <t>ア</t>
    </rPh>
    <phoneticPr fontId="3"/>
  </si>
  <si>
    <t>　(1) 利用児童と従業者を合算した人数が30人以上ですか。</t>
    <rPh sb="7" eb="9">
      <t>ジドウ</t>
    </rPh>
    <phoneticPr fontId="3"/>
  </si>
  <si>
    <t xml:space="preserve">    責任者の氏名</t>
    <rPh sb="8" eb="10">
      <t>シメイ</t>
    </rPh>
    <phoneticPr fontId="3"/>
  </si>
  <si>
    <t>あり（　Ⅰ・Ⅱ・Ⅲ　）</t>
    <phoneticPr fontId="3"/>
  </si>
  <si>
    <t>　(2) 報酬告示等に基づく利用者の数が利用定員を</t>
    <rPh sb="5" eb="7">
      <t>ホウシュウ</t>
    </rPh>
    <rPh sb="7" eb="9">
      <t>コクジ</t>
    </rPh>
    <rPh sb="9" eb="10">
      <t>トウ</t>
    </rPh>
    <rPh sb="11" eb="12">
      <t>モト</t>
    </rPh>
    <rPh sb="14" eb="17">
      <t>リヨウシャ</t>
    </rPh>
    <rPh sb="18" eb="19">
      <t>カズ</t>
    </rPh>
    <rPh sb="20" eb="22">
      <t>リヨウ</t>
    </rPh>
    <rPh sb="22" eb="24">
      <t>テイイン</t>
    </rPh>
    <phoneticPr fontId="3"/>
  </si>
  <si>
    <t>　　超える場合による減算</t>
    <rPh sb="5" eb="7">
      <t>バアイ</t>
    </rPh>
    <rPh sb="10" eb="11">
      <t>ゲン</t>
    </rPh>
    <rPh sb="11" eb="12">
      <t>サン</t>
    </rPh>
    <phoneticPr fontId="3"/>
  </si>
  <si>
    <t>　(2) (1)で「はい」と答えた事業所のみ回答</t>
    <phoneticPr fontId="3"/>
  </si>
  <si>
    <t>　　　消防署等から消防法令等による設置義務があると指導された事項の有無について○を</t>
    <phoneticPr fontId="3"/>
  </si>
  <si>
    <t>　　つけてください。あわせて、添付書類の平面図に設置状況について記載してください。</t>
    <phoneticPr fontId="3"/>
  </si>
  <si>
    <t>カーテン・布製ブラインド等の防災性能</t>
    <phoneticPr fontId="3"/>
  </si>
  <si>
    <t>　(2) 以下(1)で「はい」と答えた事業所のみ回答</t>
    <phoneticPr fontId="3"/>
  </si>
  <si>
    <t xml:space="preserve">      防火管理者を選任していますか。</t>
    <phoneticPr fontId="3"/>
  </si>
  <si>
    <t xml:space="preserve">  (3) 消防計画を作成し、消防署に届け出ていますか。</t>
    <phoneticPr fontId="3"/>
  </si>
  <si>
    <t xml:space="preserve">  (4) 消防用設備等の点検を定期的に行っていますか。</t>
    <phoneticPr fontId="3"/>
  </si>
  <si>
    <t>（該当する項目に○を付けてください。）</t>
    <rPh sb="1" eb="3">
      <t>ガイトウ</t>
    </rPh>
    <rPh sb="5" eb="7">
      <t>コウモク</t>
    </rPh>
    <rPh sb="10" eb="11">
      <t>ツ</t>
    </rPh>
    <phoneticPr fontId="3"/>
  </si>
  <si>
    <t>　※提出いただく書類について、ホチキス等で綴じる必要はありません。</t>
    <rPh sb="2" eb="4">
      <t>テイシュツ</t>
    </rPh>
    <rPh sb="8" eb="10">
      <t>ショルイ</t>
    </rPh>
    <rPh sb="19" eb="20">
      <t>トウ</t>
    </rPh>
    <rPh sb="21" eb="22">
      <t>ト</t>
    </rPh>
    <rPh sb="24" eb="26">
      <t>ヒツヨウ</t>
    </rPh>
    <phoneticPr fontId="3"/>
  </si>
  <si>
    <t>○</t>
    <phoneticPr fontId="3"/>
  </si>
  <si>
    <t>（       年   月   日記載）</t>
    <rPh sb="8" eb="9">
      <t>ネン</t>
    </rPh>
    <rPh sb="12" eb="13">
      <t>ガツ</t>
    </rPh>
    <rPh sb="16" eb="17">
      <t>ニチ</t>
    </rPh>
    <rPh sb="17" eb="19">
      <t>キサイ</t>
    </rPh>
    <phoneticPr fontId="3"/>
  </si>
  <si>
    <t>なし</t>
    <phoneticPr fontId="2"/>
  </si>
  <si>
    <t>★　次の資料を添付し、提出してください。</t>
    <rPh sb="11" eb="13">
      <t>テイシュツ</t>
    </rPh>
    <phoneticPr fontId="2"/>
  </si>
  <si>
    <t>契約書（様式）</t>
  </si>
  <si>
    <t>重要事項説明書（様式）</t>
  </si>
  <si>
    <t>運営規程</t>
  </si>
  <si>
    <t>児童発達支援計画（氏名等個人を特定するものは消してください。）</t>
    <rPh sb="0" eb="2">
      <t>ジドウ</t>
    </rPh>
    <rPh sb="2" eb="4">
      <t>ハッタツ</t>
    </rPh>
    <rPh sb="4" eb="6">
      <t>シエン</t>
    </rPh>
    <phoneticPr fontId="3"/>
  </si>
  <si>
    <t>アセスメント票（様式）</t>
    <phoneticPr fontId="3"/>
  </si>
  <si>
    <t>職員の一覧表</t>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3"/>
  </si>
  <si>
    <t xml:space="preserve">  【児童発達支援　共生型児童発達支援】（運営編）</t>
    <rPh sb="3" eb="9">
      <t>ジドウハッタツシエン</t>
    </rPh>
    <rPh sb="10" eb="13">
      <t>キョウセイガタ</t>
    </rPh>
    <rPh sb="13" eb="19">
      <t>ジドウハッタツシエン</t>
    </rPh>
    <rPh sb="21" eb="23">
      <t>ウンエイ</t>
    </rPh>
    <rPh sb="23" eb="24">
      <t>ヘン</t>
    </rPh>
    <phoneticPr fontId="2"/>
  </si>
  <si>
    <t xml:space="preserve">  【児童発達支援　共生型児童発達支援】（報酬編）</t>
    <rPh sb="3" eb="9">
      <t>ジドウハッタツシエン</t>
    </rPh>
    <rPh sb="10" eb="13">
      <t>キョウセイガタ</t>
    </rPh>
    <rPh sb="13" eb="19">
      <t>ジドウハッタツシエン</t>
    </rPh>
    <rPh sb="21" eb="23">
      <t>ホウシュウ</t>
    </rPh>
    <rPh sb="23" eb="24">
      <t>ヘン</t>
    </rPh>
    <phoneticPr fontId="2"/>
  </si>
  <si>
    <t>看護職員</t>
    <rPh sb="0" eb="2">
      <t>カンゴ</t>
    </rPh>
    <rPh sb="2" eb="4">
      <t>ショクイン</t>
    </rPh>
    <phoneticPr fontId="3"/>
  </si>
  <si>
    <t>電子メールアドレス</t>
    <rPh sb="0" eb="2">
      <t>デンシ</t>
    </rPh>
    <phoneticPr fontId="3"/>
  </si>
  <si>
    <t>５　指定事業所番号</t>
    <rPh sb="2" eb="4">
      <t>シテイ</t>
    </rPh>
    <rPh sb="4" eb="7">
      <t>ジギョウショ</t>
    </rPh>
    <rPh sb="7" eb="9">
      <t>バンゴウ</t>
    </rPh>
    <phoneticPr fontId="3"/>
  </si>
  <si>
    <t>６　管理者の氏名</t>
    <rPh sb="2" eb="4">
      <t>カンリ</t>
    </rPh>
    <rPh sb="4" eb="5">
      <t>シャ</t>
    </rPh>
    <rPh sb="6" eb="8">
      <t>シメイ</t>
    </rPh>
    <phoneticPr fontId="3"/>
  </si>
  <si>
    <t>７　児童発達支援管理</t>
    <rPh sb="2" eb="4">
      <t>ジドウ</t>
    </rPh>
    <rPh sb="4" eb="6">
      <t>ハッタツ</t>
    </rPh>
    <rPh sb="6" eb="8">
      <t>シエン</t>
    </rPh>
    <rPh sb="8" eb="10">
      <t>カンリ</t>
    </rPh>
    <phoneticPr fontId="3"/>
  </si>
  <si>
    <t>８　従業者の員数</t>
    <rPh sb="2" eb="5">
      <t>ジュウギョウシャ</t>
    </rPh>
    <rPh sb="6" eb="8">
      <t>インスウ</t>
    </rPh>
    <phoneticPr fontId="3"/>
  </si>
  <si>
    <t>９　定　員</t>
    <phoneticPr fontId="3"/>
  </si>
  <si>
    <t>10　協力医療機関</t>
    <rPh sb="3" eb="5">
      <t>キョウリョク</t>
    </rPh>
    <rPh sb="5" eb="7">
      <t>イリョウ</t>
    </rPh>
    <rPh sb="7" eb="9">
      <t>キカン</t>
    </rPh>
    <phoneticPr fontId="3"/>
  </si>
  <si>
    <t>11　各加算についての有無を記載してください。</t>
    <phoneticPr fontId="3"/>
  </si>
  <si>
    <t>12　各減算についての有無を記載してください。</t>
    <rPh sb="4" eb="5">
      <t>ゲン</t>
    </rPh>
    <phoneticPr fontId="3"/>
  </si>
  <si>
    <t>公表済</t>
    <rPh sb="0" eb="2">
      <t>コウヒョウ</t>
    </rPh>
    <rPh sb="2" eb="3">
      <t>ズ</t>
    </rPh>
    <phoneticPr fontId="3"/>
  </si>
  <si>
    <t>未公表</t>
    <rPh sb="0" eb="1">
      <t>ミ</t>
    </rPh>
    <rPh sb="1" eb="3">
      <t>コウヒョウ</t>
    </rPh>
    <phoneticPr fontId="3"/>
  </si>
  <si>
    <t>　について記載してください。</t>
    <rPh sb="5" eb="7">
      <t>キサイ</t>
    </rPh>
    <phoneticPr fontId="3"/>
  </si>
  <si>
    <t>あり</t>
    <phoneticPr fontId="3"/>
  </si>
  <si>
    <t>なし</t>
    <phoneticPr fontId="3"/>
  </si>
  <si>
    <t>　してください。</t>
    <phoneticPr fontId="3"/>
  </si>
  <si>
    <t>　(1) 当該事業の実績</t>
    <rPh sb="5" eb="7">
      <t>トウガイ</t>
    </rPh>
    <rPh sb="7" eb="9">
      <t>ジギョウ</t>
    </rPh>
    <rPh sb="10" eb="12">
      <t>ジッセキ</t>
    </rPh>
    <phoneticPr fontId="3"/>
  </si>
  <si>
    <t>あり（ Ⅰ・Ⅱ・Ⅲ・Ⅳ・Ⅴ・Ⅵ・Ⅶ ）</t>
    <phoneticPr fontId="3"/>
  </si>
  <si>
    <t>　(3) 配置すべき従業者、児童発達支援管理責任者</t>
    <rPh sb="5" eb="7">
      <t>ハイチ</t>
    </rPh>
    <rPh sb="10" eb="13">
      <t>ジュウギョウシャ</t>
    </rPh>
    <phoneticPr fontId="3"/>
  </si>
  <si>
    <t>　　の員数が基準に満たない場合の減算</t>
    <rPh sb="3" eb="5">
      <t>インスウ</t>
    </rPh>
    <rPh sb="6" eb="8">
      <t>キジュン</t>
    </rPh>
    <phoneticPr fontId="3"/>
  </si>
  <si>
    <t>　(4) 通所支援計画が作成されていない場合による</t>
    <rPh sb="5" eb="7">
      <t>ツウショ</t>
    </rPh>
    <rPh sb="7" eb="9">
      <t>シエン</t>
    </rPh>
    <rPh sb="9" eb="11">
      <t>ケイカク</t>
    </rPh>
    <rPh sb="12" eb="14">
      <t>サクセイ</t>
    </rPh>
    <rPh sb="20" eb="22">
      <t>バアイ</t>
    </rPh>
    <phoneticPr fontId="3"/>
  </si>
  <si>
    <t>　(5) 開所時間減算</t>
    <rPh sb="5" eb="7">
      <t>カイショ</t>
    </rPh>
    <rPh sb="7" eb="8">
      <t>ジ</t>
    </rPh>
    <rPh sb="8" eb="9">
      <t>カン</t>
    </rPh>
    <rPh sb="9" eb="11">
      <t>ゲンサン</t>
    </rPh>
    <phoneticPr fontId="3"/>
  </si>
  <si>
    <t>　(6) 自己評価結果等未公表減算</t>
    <rPh sb="5" eb="7">
      <t>ジコ</t>
    </rPh>
    <rPh sb="7" eb="9">
      <t>ヒョウカ</t>
    </rPh>
    <rPh sb="9" eb="11">
      <t>ケッカ</t>
    </rPh>
    <rPh sb="11" eb="12">
      <t>トウ</t>
    </rPh>
    <rPh sb="12" eb="15">
      <t>ミコウヒョウ</t>
    </rPh>
    <rPh sb="15" eb="17">
      <t>ゲンサン</t>
    </rPh>
    <phoneticPr fontId="3"/>
  </si>
  <si>
    <t>　　行った場合の減算</t>
    <rPh sb="2" eb="3">
      <t>オコナ</t>
    </rPh>
    <rPh sb="5" eb="7">
      <t>バアイ</t>
    </rPh>
    <rPh sb="8" eb="10">
      <t>ゲンサン</t>
    </rPh>
    <phoneticPr fontId="3"/>
  </si>
  <si>
    <t>　(2) 児童指導員等加配加算</t>
    <rPh sb="5" eb="7">
      <t>ジドウ</t>
    </rPh>
    <rPh sb="10" eb="11">
      <t>ナド</t>
    </rPh>
    <phoneticPr fontId="3"/>
  </si>
  <si>
    <t>　(7) 食事提供加算</t>
    <phoneticPr fontId="3"/>
  </si>
  <si>
    <t>　(8) 利用者負担上限額管理加算</t>
    <phoneticPr fontId="3"/>
  </si>
  <si>
    <t>　(9) 福祉専門職員配置等加算</t>
    <rPh sb="5" eb="7">
      <t>フクシ</t>
    </rPh>
    <rPh sb="7" eb="9">
      <t>センモン</t>
    </rPh>
    <rPh sb="9" eb="11">
      <t>ショクイン</t>
    </rPh>
    <rPh sb="11" eb="13">
      <t>ハイチ</t>
    </rPh>
    <rPh sb="13" eb="14">
      <t>ナド</t>
    </rPh>
    <rPh sb="14" eb="16">
      <t>カサン</t>
    </rPh>
    <phoneticPr fontId="3"/>
  </si>
  <si>
    <t>　(10) 栄養士配置加算</t>
    <rPh sb="6" eb="9">
      <t>エイヨウシ</t>
    </rPh>
    <rPh sb="9" eb="11">
      <t>ハイチ</t>
    </rPh>
    <phoneticPr fontId="3"/>
  </si>
  <si>
    <t>　(11) 欠席時対応加算</t>
    <rPh sb="6" eb="8">
      <t>ケッセキ</t>
    </rPh>
    <rPh sb="8" eb="9">
      <t>ジ</t>
    </rPh>
    <rPh sb="9" eb="11">
      <t>タイオウ</t>
    </rPh>
    <phoneticPr fontId="3"/>
  </si>
  <si>
    <t>　(13) 強度行動障害児支援加算</t>
    <rPh sb="6" eb="8">
      <t>キョウド</t>
    </rPh>
    <rPh sb="8" eb="10">
      <t>コウドウ</t>
    </rPh>
    <rPh sb="10" eb="12">
      <t>ショウガイ</t>
    </rPh>
    <rPh sb="12" eb="13">
      <t>ジ</t>
    </rPh>
    <rPh sb="13" eb="15">
      <t>シエン</t>
    </rPh>
    <rPh sb="15" eb="17">
      <t>カサン</t>
    </rPh>
    <phoneticPr fontId="3"/>
  </si>
  <si>
    <t>15　建物の延べ床面積は何㎡ですか。複数建物がある場合は、それぞれ記載してください。</t>
    <rPh sb="3" eb="5">
      <t>タテモノ</t>
    </rPh>
    <rPh sb="6" eb="7">
      <t>ノ</t>
    </rPh>
    <rPh sb="8" eb="9">
      <t>ユカ</t>
    </rPh>
    <rPh sb="9" eb="11">
      <t>メンセキ</t>
    </rPh>
    <rPh sb="12" eb="13">
      <t>ナン</t>
    </rPh>
    <phoneticPr fontId="3"/>
  </si>
  <si>
    <t>16　防火設備等の状況について</t>
    <phoneticPr fontId="3"/>
  </si>
  <si>
    <t>17　防火管理者の責務について</t>
    <rPh sb="3" eb="5">
      <t>ボウカ</t>
    </rPh>
    <rPh sb="5" eb="8">
      <t>カンリシャ</t>
    </rPh>
    <rPh sb="9" eb="11">
      <t>セキム</t>
    </rPh>
    <phoneticPr fontId="3"/>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3"/>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3"/>
  </si>
  <si>
    <t>　(１) 中核機能強化加算</t>
    <rPh sb="5" eb="7">
      <t>チュウカク</t>
    </rPh>
    <rPh sb="7" eb="9">
      <t>キノウ</t>
    </rPh>
    <rPh sb="9" eb="11">
      <t>キョウカ</t>
    </rPh>
    <rPh sb="11" eb="13">
      <t>カサン</t>
    </rPh>
    <phoneticPr fontId="3"/>
  </si>
  <si>
    <t>　(5) 家族支援加算</t>
    <rPh sb="5" eb="7">
      <t>カゾク</t>
    </rPh>
    <rPh sb="7" eb="9">
      <t>シエン</t>
    </rPh>
    <rPh sb="9" eb="11">
      <t>カサン</t>
    </rPh>
    <phoneticPr fontId="3"/>
  </si>
  <si>
    <t>　(23) 事業所間連携加算</t>
    <rPh sb="6" eb="9">
      <t>ジギョウショ</t>
    </rPh>
    <rPh sb="9" eb="10">
      <t>カン</t>
    </rPh>
    <rPh sb="10" eb="12">
      <t>レンケイ</t>
    </rPh>
    <rPh sb="12" eb="14">
      <t>カサン</t>
    </rPh>
    <phoneticPr fontId="3"/>
  </si>
  <si>
    <t>　(26) 福祉・介護職員等処遇改善加算</t>
    <rPh sb="6" eb="8">
      <t>フクシ</t>
    </rPh>
    <rPh sb="9" eb="11">
      <t>カイゴ</t>
    </rPh>
    <rPh sb="11" eb="13">
      <t>ショクイン</t>
    </rPh>
    <rPh sb="13" eb="14">
      <t>トウ</t>
    </rPh>
    <rPh sb="14" eb="16">
      <t>ショグウ</t>
    </rPh>
    <rPh sb="16" eb="18">
      <t>カイゼン</t>
    </rPh>
    <rPh sb="18" eb="20">
      <t>カサン</t>
    </rPh>
    <phoneticPr fontId="3"/>
  </si>
  <si>
    <t>　(6) 子育てサポート加算</t>
    <rPh sb="5" eb="7">
      <t>コソダ</t>
    </rPh>
    <rPh sb="12" eb="14">
      <t>カサン</t>
    </rPh>
    <phoneticPr fontId="3"/>
  </si>
  <si>
    <t>指定障害児通所支援事業　運営指導提出資料</t>
    <rPh sb="0" eb="2">
      <t>シテイ</t>
    </rPh>
    <rPh sb="2" eb="4">
      <t>ショウガイ</t>
    </rPh>
    <rPh sb="4" eb="5">
      <t>ジ</t>
    </rPh>
    <rPh sb="5" eb="7">
      <t>ツウショ</t>
    </rPh>
    <rPh sb="7" eb="9">
      <t>シエン</t>
    </rPh>
    <rPh sb="9" eb="11">
      <t>ジギョウ</t>
    </rPh>
    <rPh sb="12" eb="14">
      <t>ウンエイ</t>
    </rPh>
    <rPh sb="14" eb="16">
      <t>シドウ</t>
    </rPh>
    <rPh sb="16" eb="18">
      <t>テイシュツ</t>
    </rPh>
    <rPh sb="18" eb="20">
      <t>シリョウ</t>
    </rPh>
    <phoneticPr fontId="3"/>
  </si>
  <si>
    <t>　(3) 専門的支援体制加算</t>
    <rPh sb="5" eb="8">
      <t>センモンテキ</t>
    </rPh>
    <rPh sb="8" eb="10">
      <t>シエン</t>
    </rPh>
    <rPh sb="10" eb="12">
      <t>タイセイ</t>
    </rPh>
    <rPh sb="12" eb="14">
      <t>カサン</t>
    </rPh>
    <phoneticPr fontId="3"/>
  </si>
  <si>
    <t>　(4) 集中的支援加算</t>
    <rPh sb="5" eb="8">
      <t>シュウチュウテキ</t>
    </rPh>
    <rPh sb="8" eb="10">
      <t>シエン</t>
    </rPh>
    <rPh sb="10" eb="12">
      <t>カサン</t>
    </rPh>
    <phoneticPr fontId="3"/>
  </si>
  <si>
    <t>　(12) 専門的支援実施加算</t>
    <rPh sb="6" eb="9">
      <t>センモンテキ</t>
    </rPh>
    <rPh sb="9" eb="11">
      <t>シエン</t>
    </rPh>
    <rPh sb="11" eb="13">
      <t>ジッシ</t>
    </rPh>
    <rPh sb="13" eb="15">
      <t>カサン</t>
    </rPh>
    <phoneticPr fontId="3"/>
  </si>
  <si>
    <t>　(14) 集中的支援加算</t>
    <rPh sb="6" eb="9">
      <t>シュウチュウテキ</t>
    </rPh>
    <rPh sb="9" eb="11">
      <t>シエン</t>
    </rPh>
    <rPh sb="11" eb="13">
      <t>カサン</t>
    </rPh>
    <phoneticPr fontId="3"/>
  </si>
  <si>
    <t>　(15) 人工内耳装用児支援加算</t>
    <rPh sb="6" eb="10">
      <t>ジンコウナイジ</t>
    </rPh>
    <rPh sb="10" eb="13">
      <t>ソウヨウジ</t>
    </rPh>
    <rPh sb="13" eb="15">
      <t>シエン</t>
    </rPh>
    <rPh sb="15" eb="17">
      <t>カサン</t>
    </rPh>
    <phoneticPr fontId="3"/>
  </si>
  <si>
    <t>　(16) 視覚・聴覚・言語機能障害児支援加算</t>
    <rPh sb="6" eb="8">
      <t>シカク</t>
    </rPh>
    <rPh sb="9" eb="11">
      <t>チョウカク</t>
    </rPh>
    <rPh sb="12" eb="14">
      <t>ゲンゴ</t>
    </rPh>
    <rPh sb="14" eb="16">
      <t>キノウ</t>
    </rPh>
    <rPh sb="16" eb="18">
      <t>ショウガイ</t>
    </rPh>
    <rPh sb="18" eb="19">
      <t>ジ</t>
    </rPh>
    <rPh sb="19" eb="21">
      <t>シエン</t>
    </rPh>
    <rPh sb="21" eb="23">
      <t>カサン</t>
    </rPh>
    <phoneticPr fontId="3"/>
  </si>
  <si>
    <t>　(17) 個別サポート加算</t>
    <rPh sb="6" eb="8">
      <t>コベツ</t>
    </rPh>
    <rPh sb="12" eb="14">
      <t>カサン</t>
    </rPh>
    <phoneticPr fontId="3"/>
  </si>
  <si>
    <t>　(18) 入浴支援加算</t>
    <rPh sb="6" eb="8">
      <t>ニュウヨク</t>
    </rPh>
    <rPh sb="8" eb="10">
      <t>シエン</t>
    </rPh>
    <rPh sb="10" eb="12">
      <t>カサン</t>
    </rPh>
    <phoneticPr fontId="3"/>
  </si>
  <si>
    <t>　(19) 医療連携体制加算</t>
    <rPh sb="6" eb="8">
      <t>イリョウ</t>
    </rPh>
    <rPh sb="8" eb="10">
      <t>レンケイ</t>
    </rPh>
    <rPh sb="10" eb="12">
      <t>タイセイ</t>
    </rPh>
    <rPh sb="12" eb="14">
      <t>カサン</t>
    </rPh>
    <phoneticPr fontId="3"/>
  </si>
  <si>
    <t>　(20) 送迎加算</t>
    <rPh sb="6" eb="8">
      <t>ソウゲイ</t>
    </rPh>
    <rPh sb="8" eb="10">
      <t>カサン</t>
    </rPh>
    <phoneticPr fontId="3"/>
  </si>
  <si>
    <t>　(21) 延長支援加算</t>
    <rPh sb="6" eb="8">
      <t>エンチョウ</t>
    </rPh>
    <rPh sb="8" eb="10">
      <t>シエン</t>
    </rPh>
    <rPh sb="10" eb="12">
      <t>カサン</t>
    </rPh>
    <phoneticPr fontId="3"/>
  </si>
  <si>
    <t>　(22) 関係機関連携加算</t>
    <rPh sb="6" eb="8">
      <t>カンケイ</t>
    </rPh>
    <rPh sb="8" eb="10">
      <t>キカン</t>
    </rPh>
    <rPh sb="10" eb="12">
      <t>レンケイ</t>
    </rPh>
    <rPh sb="12" eb="14">
      <t>カサン</t>
    </rPh>
    <phoneticPr fontId="3"/>
  </si>
  <si>
    <t>あり（　Ⅰ・Ⅱ・Ⅲ・Ⅳ ）</t>
    <phoneticPr fontId="3"/>
  </si>
  <si>
    <t>　(24) 保育・教育等移行支援加算</t>
    <rPh sb="6" eb="8">
      <t>ホイク</t>
    </rPh>
    <rPh sb="9" eb="11">
      <t>キョウイク</t>
    </rPh>
    <rPh sb="11" eb="12">
      <t>ナド</t>
    </rPh>
    <rPh sb="12" eb="14">
      <t>イコウ</t>
    </rPh>
    <rPh sb="14" eb="16">
      <t>シエン</t>
    </rPh>
    <rPh sb="16" eb="18">
      <t>カサン</t>
    </rPh>
    <phoneticPr fontId="3"/>
  </si>
  <si>
    <t>　(25) 共生型サービス医療的ケア児支援加算</t>
    <rPh sb="6" eb="8">
      <t>キョウセイ</t>
    </rPh>
    <rPh sb="8" eb="9">
      <t>ガタ</t>
    </rPh>
    <phoneticPr fontId="3"/>
  </si>
  <si>
    <t>　(7)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3"/>
  </si>
  <si>
    <t>　(8) 支援プログラム未公表減算</t>
    <rPh sb="5" eb="7">
      <t>シエン</t>
    </rPh>
    <rPh sb="12" eb="17">
      <t>ミコウヒョウゲンサン</t>
    </rPh>
    <phoneticPr fontId="3"/>
  </si>
  <si>
    <t>20　障害福祉情報サービスかながわに事業所のメー</t>
    <rPh sb="3" eb="5">
      <t>ショウガイ</t>
    </rPh>
    <rPh sb="5" eb="7">
      <t>フクシ</t>
    </rPh>
    <rPh sb="7" eb="9">
      <t>ジョウホウ</t>
    </rPh>
    <rPh sb="18" eb="20">
      <t>ジギョウ</t>
    </rPh>
    <rPh sb="20" eb="21">
      <t>ショ</t>
    </rPh>
    <phoneticPr fontId="3"/>
  </si>
  <si>
    <t>　ルアドレスを登録してありますか。</t>
    <rPh sb="7" eb="9">
      <t>トウロク</t>
    </rPh>
    <phoneticPr fontId="3"/>
  </si>
  <si>
    <t>あり（ Ⅰ・Ⅱ・Ⅲ・Ⅳ ）</t>
    <phoneticPr fontId="3"/>
  </si>
  <si>
    <t>　(9) 身体拘束廃止未実施減算</t>
    <rPh sb="5" eb="9">
      <t>シンタイコウソク</t>
    </rPh>
    <rPh sb="9" eb="11">
      <t>ハイシ</t>
    </rPh>
    <rPh sb="11" eb="12">
      <t>ミ</t>
    </rPh>
    <rPh sb="12" eb="14">
      <t>ジッシ</t>
    </rPh>
    <rPh sb="14" eb="16">
      <t>ゲンサン</t>
    </rPh>
    <phoneticPr fontId="3"/>
  </si>
  <si>
    <t xml:space="preserve">  (10) 虐待防止措置未実施減算</t>
    <rPh sb="7" eb="9">
      <t>ギャクタイ</t>
    </rPh>
    <rPh sb="9" eb="11">
      <t>ボウシ</t>
    </rPh>
    <rPh sb="11" eb="13">
      <t>ソチ</t>
    </rPh>
    <phoneticPr fontId="3"/>
  </si>
  <si>
    <t xml:space="preserve">  (11) 業務継続計画未策定減算</t>
    <rPh sb="7" eb="9">
      <t>ギョウム</t>
    </rPh>
    <rPh sb="9" eb="11">
      <t>ケイゾク</t>
    </rPh>
    <rPh sb="11" eb="13">
      <t>ケイカク</t>
    </rPh>
    <rPh sb="13" eb="14">
      <t>ミ</t>
    </rPh>
    <rPh sb="14" eb="16">
      <t>サクテイ</t>
    </rPh>
    <rPh sb="16" eb="18">
      <t>ゲンサン</t>
    </rPh>
    <phoneticPr fontId="3"/>
  </si>
  <si>
    <t xml:space="preserve">  (12) 情報公表未報告減算</t>
    <rPh sb="7" eb="9">
      <t>ジョウホウ</t>
    </rPh>
    <rPh sb="9" eb="11">
      <t>コウヒョウ</t>
    </rPh>
    <rPh sb="11" eb="14">
      <t>ミホウコク</t>
    </rPh>
    <rPh sb="14" eb="16">
      <t>ゲンサン</t>
    </rPh>
    <phoneticPr fontId="3"/>
  </si>
  <si>
    <t>13　運営指導前月までの過去12ヶ月における各月の最も利用児童数の多い日及び利用者数を</t>
    <rPh sb="3" eb="5">
      <t>ウンエイ</t>
    </rPh>
    <rPh sb="29" eb="31">
      <t>ジドウ</t>
    </rPh>
    <rPh sb="36" eb="37">
      <t>オヨ</t>
    </rPh>
    <phoneticPr fontId="3"/>
  </si>
  <si>
    <t>14　運営指導前月までの過去12ヶ月における月別延べ利用児童数及び開所日数を記載してく</t>
    <rPh sb="3" eb="5">
      <t>ウンエイ</t>
    </rPh>
    <rPh sb="5" eb="7">
      <t>シドウ</t>
    </rPh>
    <rPh sb="7" eb="9">
      <t>ゼンゲツ</t>
    </rPh>
    <rPh sb="12" eb="14">
      <t>カコ</t>
    </rPh>
    <rPh sb="17" eb="18">
      <t>ゲツ</t>
    </rPh>
    <rPh sb="22" eb="24">
      <t>ツキベツ</t>
    </rPh>
    <rPh sb="24" eb="25">
      <t>ノ</t>
    </rPh>
    <rPh sb="26" eb="28">
      <t>リヨウ</t>
    </rPh>
    <rPh sb="28" eb="30">
      <t>ジドウ</t>
    </rPh>
    <rPh sb="30" eb="31">
      <t>カズ</t>
    </rPh>
    <rPh sb="31" eb="32">
      <t>オヨ</t>
    </rPh>
    <rPh sb="33" eb="35">
      <t>カイショ</t>
    </rPh>
    <rPh sb="35" eb="37">
      <t>ニッスウ</t>
    </rPh>
    <rPh sb="38" eb="40">
      <t>キサイ</t>
    </rPh>
    <phoneticPr fontId="3"/>
  </si>
  <si>
    <t>今年度指定障害福祉サービス事業所等自己点検シート</t>
    <rPh sb="0" eb="3">
      <t>コンネンド</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b/>
      <sz val="16"/>
      <name val="ＭＳ Ｐゴシック"/>
      <family val="3"/>
      <charset val="128"/>
    </font>
    <font>
      <sz val="6"/>
      <name val="ＭＳ Ｐ明朝"/>
      <family val="1"/>
      <charset val="128"/>
    </font>
    <font>
      <b/>
      <sz val="16"/>
      <name val="ＭＳ ゴシック"/>
      <family val="3"/>
      <charset val="128"/>
    </font>
    <font>
      <sz val="16"/>
      <name val="ＭＳ ゴシック"/>
      <family val="3"/>
      <charset val="128"/>
    </font>
    <font>
      <b/>
      <sz val="12"/>
      <name val="ＭＳ 明朝"/>
      <family val="1"/>
      <charset val="128"/>
    </font>
    <font>
      <sz val="12"/>
      <name val="ＭＳ 明朝"/>
      <family val="1"/>
      <charset val="128"/>
    </font>
    <font>
      <sz val="11"/>
      <name val="ＭＳ 明朝"/>
      <family val="1"/>
      <charset val="128"/>
    </font>
    <font>
      <u/>
      <sz val="12"/>
      <name val="ＭＳ 明朝"/>
      <family val="1"/>
      <charset val="128"/>
    </font>
    <font>
      <sz val="12"/>
      <name val="ＭＳ 明朝"/>
      <family val="2"/>
      <charset val="128"/>
    </font>
  </fonts>
  <fills count="2">
    <fill>
      <patternFill patternType="none"/>
    </fill>
    <fill>
      <patternFill patternType="gray125"/>
    </fill>
  </fills>
  <borders count="9">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cellStyleXfs>
  <cellXfs count="68">
    <xf numFmtId="0" fontId="0" fillId="0" borderId="0" xfId="0">
      <alignment vertical="center"/>
    </xf>
    <xf numFmtId="0" fontId="7" fillId="0" borderId="0" xfId="1" applyFont="1" applyFill="1" applyAlignment="1">
      <alignment vertical="center"/>
    </xf>
    <xf numFmtId="0" fontId="6" fillId="0" borderId="0" xfId="1" applyFont="1" applyFill="1" applyAlignment="1">
      <alignment vertical="center"/>
    </xf>
    <xf numFmtId="0" fontId="6" fillId="0" borderId="0" xfId="1" applyFont="1" applyFill="1" applyAlignment="1">
      <alignment horizontal="right" vertical="center"/>
    </xf>
    <xf numFmtId="0" fontId="8" fillId="0" borderId="0" xfId="1" applyFont="1" applyFill="1" applyAlignment="1">
      <alignment vertical="center"/>
    </xf>
    <xf numFmtId="0" fontId="9" fillId="0" borderId="0" xfId="1" applyFont="1" applyFill="1" applyAlignment="1">
      <alignment vertical="center"/>
    </xf>
    <xf numFmtId="0" fontId="9" fillId="0" borderId="0" xfId="1" applyFont="1" applyFill="1" applyAlignment="1">
      <alignment horizontal="right" vertical="center"/>
    </xf>
    <xf numFmtId="0" fontId="9" fillId="0" borderId="1" xfId="1" applyFont="1" applyFill="1" applyBorder="1" applyAlignment="1">
      <alignment vertical="center"/>
    </xf>
    <xf numFmtId="0" fontId="9" fillId="0" borderId="0" xfId="1" applyFont="1" applyFill="1" applyBorder="1" applyAlignment="1">
      <alignment vertical="center"/>
    </xf>
    <xf numFmtId="0" fontId="9" fillId="0" borderId="0" xfId="0" applyFont="1" applyFill="1" applyAlignment="1">
      <alignment vertical="center"/>
    </xf>
    <xf numFmtId="0" fontId="9" fillId="0" borderId="1" xfId="0" applyFont="1" applyFill="1" applyBorder="1" applyAlignment="1">
      <alignment vertical="center"/>
    </xf>
    <xf numFmtId="0" fontId="10" fillId="0" borderId="0" xfId="0" applyFont="1" applyFill="1" applyAlignment="1">
      <alignment vertical="center"/>
    </xf>
    <xf numFmtId="0" fontId="9" fillId="0" borderId="0" xfId="0" applyFont="1" applyFill="1" applyBorder="1" applyAlignment="1">
      <alignment vertical="center"/>
    </xf>
    <xf numFmtId="0" fontId="10" fillId="0" borderId="0" xfId="0" applyFont="1" applyFill="1" applyBorder="1" applyAlignment="1">
      <alignment vertical="center"/>
    </xf>
    <xf numFmtId="0" fontId="11" fillId="0" borderId="0" xfId="1" applyFont="1" applyFill="1" applyAlignment="1">
      <alignment vertical="center"/>
    </xf>
    <xf numFmtId="0" fontId="9" fillId="0" borderId="0" xfId="1" applyFont="1" applyFill="1" applyBorder="1" applyAlignment="1">
      <alignment vertical="center" shrinkToFit="1"/>
    </xf>
    <xf numFmtId="0" fontId="9" fillId="0" borderId="0" xfId="1" applyFont="1" applyFill="1" applyBorder="1" applyAlignment="1">
      <alignment horizontal="left" vertical="center" shrinkToFit="1"/>
    </xf>
    <xf numFmtId="0" fontId="9" fillId="0" borderId="0" xfId="1" applyFont="1" applyFill="1" applyBorder="1" applyAlignment="1">
      <alignment horizontal="right" vertical="center"/>
    </xf>
    <xf numFmtId="0" fontId="9" fillId="0" borderId="0" xfId="1" applyFont="1" applyFill="1" applyBorder="1" applyAlignment="1">
      <alignment horizontal="right" vertical="center" shrinkToFit="1"/>
    </xf>
    <xf numFmtId="0" fontId="10" fillId="0" borderId="0" xfId="1" applyFont="1" applyFill="1" applyBorder="1" applyAlignment="1">
      <alignment vertical="center" shrinkToFit="1"/>
    </xf>
    <xf numFmtId="0" fontId="11" fillId="0" borderId="1" xfId="1" applyFont="1" applyFill="1" applyBorder="1" applyAlignment="1">
      <alignment vertical="center"/>
    </xf>
    <xf numFmtId="0" fontId="11" fillId="0" borderId="0" xfId="1" applyFont="1" applyFill="1" applyBorder="1" applyAlignment="1">
      <alignment vertical="center"/>
    </xf>
    <xf numFmtId="0" fontId="9" fillId="0" borderId="0" xfId="0" applyFont="1" applyFill="1" applyAlignment="1"/>
    <xf numFmtId="0" fontId="12" fillId="0" borderId="0" xfId="0" applyFont="1" applyFill="1">
      <alignment vertical="center"/>
    </xf>
    <xf numFmtId="0" fontId="9" fillId="0" borderId="0" xfId="0" applyFont="1" applyFill="1">
      <alignment vertical="center"/>
    </xf>
    <xf numFmtId="0" fontId="9" fillId="0" borderId="0" xfId="1" applyFont="1" applyAlignment="1">
      <alignment vertical="center"/>
    </xf>
    <xf numFmtId="0" fontId="9" fillId="0" borderId="0" xfId="0" applyFont="1">
      <alignment vertical="center"/>
    </xf>
    <xf numFmtId="0" fontId="12" fillId="0" borderId="0" xfId="0" applyFont="1">
      <alignment vertical="center"/>
    </xf>
    <xf numFmtId="0" fontId="9" fillId="0" borderId="0" xfId="0" applyFont="1" applyFill="1" applyAlignment="1">
      <alignment horizontal="center" vertical="center"/>
    </xf>
    <xf numFmtId="0" fontId="9" fillId="0" borderId="0" xfId="1" applyFont="1" applyAlignment="1">
      <alignment horizontal="right" vertical="center"/>
    </xf>
    <xf numFmtId="0" fontId="9" fillId="0" borderId="0" xfId="1" applyFont="1"/>
    <xf numFmtId="0" fontId="9" fillId="0" borderId="2" xfId="1" applyFont="1" applyFill="1" applyBorder="1" applyAlignment="1">
      <alignment vertical="center" shrinkToFit="1"/>
    </xf>
    <xf numFmtId="55" fontId="9" fillId="0" borderId="2" xfId="1" applyNumberFormat="1" applyFont="1" applyFill="1" applyBorder="1" applyAlignment="1">
      <alignment horizontal="center" vertical="center" shrinkToFit="1"/>
    </xf>
    <xf numFmtId="0" fontId="9" fillId="0" borderId="2" xfId="1" applyFont="1" applyFill="1" applyBorder="1" applyAlignment="1">
      <alignment horizontal="right" vertical="center"/>
    </xf>
    <xf numFmtId="49" fontId="9" fillId="0" borderId="0" xfId="1" applyNumberFormat="1" applyFont="1" applyFill="1" applyAlignment="1">
      <alignment horizontal="left" vertical="center"/>
    </xf>
    <xf numFmtId="0" fontId="9" fillId="0" borderId="2" xfId="1" applyFont="1" applyFill="1" applyBorder="1" applyAlignment="1">
      <alignment horizontal="center" vertical="center" shrinkToFit="1"/>
    </xf>
    <xf numFmtId="0" fontId="9" fillId="0" borderId="3" xfId="1" applyFont="1" applyFill="1" applyBorder="1" applyAlignment="1">
      <alignment vertical="center"/>
    </xf>
    <xf numFmtId="0" fontId="9" fillId="0" borderId="4" xfId="1" applyFont="1" applyFill="1" applyBorder="1" applyAlignment="1">
      <alignment vertical="center"/>
    </xf>
    <xf numFmtId="0" fontId="9" fillId="0" borderId="5" xfId="1" applyFont="1" applyFill="1" applyBorder="1" applyAlignment="1">
      <alignment vertical="center"/>
    </xf>
    <xf numFmtId="0" fontId="9" fillId="0" borderId="2" xfId="1" applyFont="1" applyFill="1" applyBorder="1" applyAlignment="1">
      <alignment horizontal="center" vertical="center"/>
    </xf>
    <xf numFmtId="0" fontId="9" fillId="0" borderId="3" xfId="1" applyFont="1" applyFill="1" applyBorder="1" applyAlignment="1">
      <alignment horizontal="left" vertical="center"/>
    </xf>
    <xf numFmtId="0" fontId="9" fillId="0" borderId="4" xfId="1" applyFont="1" applyFill="1" applyBorder="1" applyAlignment="1">
      <alignment horizontal="left" vertical="center"/>
    </xf>
    <xf numFmtId="0" fontId="9" fillId="0" borderId="5" xfId="1" applyFont="1" applyFill="1" applyBorder="1" applyAlignment="1">
      <alignment horizontal="left" vertical="center"/>
    </xf>
    <xf numFmtId="49" fontId="9" fillId="0" borderId="0" xfId="1" applyNumberFormat="1" applyFont="1" applyFill="1" applyAlignment="1">
      <alignment horizontal="right" vertical="center"/>
    </xf>
    <xf numFmtId="0" fontId="9" fillId="0" borderId="0" xfId="0" applyFont="1" applyFill="1" applyAlignment="1">
      <alignment horizontal="right" vertical="center"/>
    </xf>
    <xf numFmtId="0" fontId="1" fillId="0" borderId="0" xfId="1" applyFont="1" applyFill="1"/>
    <xf numFmtId="0" fontId="9" fillId="0" borderId="0" xfId="1" applyFont="1" applyFill="1"/>
    <xf numFmtId="0" fontId="10" fillId="0" borderId="0" xfId="1" applyFont="1" applyFill="1"/>
    <xf numFmtId="0" fontId="9" fillId="0" borderId="0" xfId="1" applyFont="1" applyFill="1" applyBorder="1" applyAlignment="1">
      <alignment horizontal="right"/>
    </xf>
    <xf numFmtId="0" fontId="9" fillId="0" borderId="3" xfId="1" applyFont="1" applyFill="1" applyBorder="1" applyAlignment="1">
      <alignment horizontal="center" vertical="center"/>
    </xf>
    <xf numFmtId="0" fontId="9" fillId="0" borderId="4" xfId="1" applyFont="1" applyFill="1" applyBorder="1" applyAlignment="1">
      <alignment horizontal="center" vertical="center"/>
    </xf>
    <xf numFmtId="0" fontId="9" fillId="0" borderId="5" xfId="1" applyFont="1" applyFill="1" applyBorder="1" applyAlignment="1">
      <alignment horizontal="center" vertical="center"/>
    </xf>
    <xf numFmtId="0" fontId="9" fillId="0" borderId="6" xfId="1" applyFont="1" applyFill="1" applyBorder="1" applyAlignment="1">
      <alignment horizontal="center" vertical="center" textRotation="255" shrinkToFit="1"/>
    </xf>
    <xf numFmtId="0" fontId="9" fillId="0" borderId="7" xfId="1" applyFont="1" applyFill="1" applyBorder="1" applyAlignment="1">
      <alignment horizontal="center" vertical="center" textRotation="255" shrinkToFit="1"/>
    </xf>
    <xf numFmtId="0" fontId="9" fillId="0" borderId="8" xfId="1" applyFont="1" applyFill="1" applyBorder="1" applyAlignment="1">
      <alignment horizontal="center" vertical="center" textRotation="255" shrinkToFit="1"/>
    </xf>
    <xf numFmtId="0" fontId="9" fillId="0" borderId="0" xfId="1" applyFont="1" applyFill="1" applyAlignment="1">
      <alignment vertical="center"/>
    </xf>
    <xf numFmtId="0" fontId="9" fillId="0" borderId="0" xfId="1" applyFont="1" applyAlignment="1">
      <alignment vertical="center"/>
    </xf>
    <xf numFmtId="0" fontId="9" fillId="0" borderId="3" xfId="1" applyFont="1" applyFill="1" applyBorder="1" applyAlignment="1">
      <alignment horizontal="center" vertical="center" shrinkToFit="1"/>
    </xf>
    <xf numFmtId="0" fontId="9" fillId="0" borderId="4" xfId="1" applyFont="1" applyFill="1" applyBorder="1" applyAlignment="1">
      <alignment horizontal="center" vertical="center" shrinkToFit="1"/>
    </xf>
    <xf numFmtId="0" fontId="9" fillId="0" borderId="5" xfId="1" applyFont="1" applyFill="1" applyBorder="1" applyAlignment="1">
      <alignment horizontal="center" vertical="center" shrinkToFit="1"/>
    </xf>
    <xf numFmtId="0" fontId="9" fillId="0" borderId="3" xfId="1" applyFont="1" applyFill="1" applyBorder="1" applyAlignment="1">
      <alignment horizontal="left" vertical="center" shrinkToFit="1"/>
    </xf>
    <xf numFmtId="0" fontId="9" fillId="0" borderId="4" xfId="1" applyFont="1" applyFill="1" applyBorder="1" applyAlignment="1">
      <alignment horizontal="left" vertical="center" shrinkToFit="1"/>
    </xf>
    <xf numFmtId="0" fontId="9" fillId="0" borderId="5" xfId="1" applyFont="1" applyFill="1" applyBorder="1" applyAlignment="1">
      <alignment horizontal="left" vertical="center" shrinkToFit="1"/>
    </xf>
    <xf numFmtId="0" fontId="9" fillId="0" borderId="6" xfId="1" applyFont="1" applyFill="1" applyBorder="1" applyAlignment="1">
      <alignment horizontal="center" vertical="center" textRotation="255"/>
    </xf>
    <xf numFmtId="0" fontId="9" fillId="0" borderId="7" xfId="1" applyFont="1" applyFill="1" applyBorder="1" applyAlignment="1">
      <alignment horizontal="center" vertical="center" textRotation="255"/>
    </xf>
    <xf numFmtId="0" fontId="9" fillId="0" borderId="8" xfId="1" applyFont="1" applyFill="1" applyBorder="1" applyAlignment="1">
      <alignment horizontal="center" vertical="center" textRotation="255"/>
    </xf>
    <xf numFmtId="0" fontId="9" fillId="0" borderId="0" xfId="0" applyFont="1" applyFill="1" applyAlignment="1">
      <alignment horizontal="center" vertical="center"/>
    </xf>
    <xf numFmtId="0" fontId="6" fillId="0" borderId="0" xfId="1" applyFont="1" applyFill="1" applyAlignment="1">
      <alignment horizontal="center" vertical="center"/>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55"/>
  <sheetViews>
    <sheetView tabSelected="1" view="pageBreakPreview" topLeftCell="A139" zoomScale="83" zoomScaleNormal="100" zoomScaleSheetLayoutView="83" workbookViewId="0">
      <selection activeCell="H9" sqref="H9"/>
    </sheetView>
  </sheetViews>
  <sheetFormatPr defaultRowHeight="22.5" customHeight="1" x14ac:dyDescent="0.2"/>
  <cols>
    <col min="1" max="1" width="9" style="45"/>
    <col min="2" max="2" width="9" style="45" customWidth="1"/>
    <col min="3" max="9" width="9" style="45"/>
    <col min="10" max="10" width="11.9140625" style="45" customWidth="1"/>
    <col min="11" max="257" width="9" style="45"/>
    <col min="258" max="258" width="9" style="45" customWidth="1"/>
    <col min="259" max="265" width="9" style="45"/>
    <col min="266" max="266" width="9" style="45" customWidth="1"/>
    <col min="267" max="513" width="9" style="45"/>
    <col min="514" max="514" width="9" style="45" customWidth="1"/>
    <col min="515" max="521" width="9" style="45"/>
    <col min="522" max="522" width="9" style="45" customWidth="1"/>
    <col min="523" max="769" width="9" style="45"/>
    <col min="770" max="770" width="9" style="45" customWidth="1"/>
    <col min="771" max="777" width="9" style="45"/>
    <col min="778" max="778" width="9" style="45" customWidth="1"/>
    <col min="779" max="1025" width="9" style="45"/>
    <col min="1026" max="1026" width="9" style="45" customWidth="1"/>
    <col min="1027" max="1033" width="9" style="45"/>
    <col min="1034" max="1034" width="9" style="45" customWidth="1"/>
    <col min="1035" max="1281" width="9" style="45"/>
    <col min="1282" max="1282" width="9" style="45" customWidth="1"/>
    <col min="1283" max="1289" width="9" style="45"/>
    <col min="1290" max="1290" width="9" style="45" customWidth="1"/>
    <col min="1291" max="1537" width="9" style="45"/>
    <col min="1538" max="1538" width="9" style="45" customWidth="1"/>
    <col min="1539" max="1545" width="9" style="45"/>
    <col min="1546" max="1546" width="9" style="45" customWidth="1"/>
    <col min="1547" max="1793" width="9" style="45"/>
    <col min="1794" max="1794" width="9" style="45" customWidth="1"/>
    <col min="1795" max="1801" width="9" style="45"/>
    <col min="1802" max="1802" width="9" style="45" customWidth="1"/>
    <col min="1803" max="2049" width="9" style="45"/>
    <col min="2050" max="2050" width="9" style="45" customWidth="1"/>
    <col min="2051" max="2057" width="9" style="45"/>
    <col min="2058" max="2058" width="9" style="45" customWidth="1"/>
    <col min="2059" max="2305" width="9" style="45"/>
    <col min="2306" max="2306" width="9" style="45" customWidth="1"/>
    <col min="2307" max="2313" width="9" style="45"/>
    <col min="2314" max="2314" width="9" style="45" customWidth="1"/>
    <col min="2315" max="2561" width="9" style="45"/>
    <col min="2562" max="2562" width="9" style="45" customWidth="1"/>
    <col min="2563" max="2569" width="9" style="45"/>
    <col min="2570" max="2570" width="9" style="45" customWidth="1"/>
    <col min="2571" max="2817" width="9" style="45"/>
    <col min="2818" max="2818" width="9" style="45" customWidth="1"/>
    <col min="2819" max="2825" width="9" style="45"/>
    <col min="2826" max="2826" width="9" style="45" customWidth="1"/>
    <col min="2827" max="3073" width="9" style="45"/>
    <col min="3074" max="3074" width="9" style="45" customWidth="1"/>
    <col min="3075" max="3081" width="9" style="45"/>
    <col min="3082" max="3082" width="9" style="45" customWidth="1"/>
    <col min="3083" max="3329" width="9" style="45"/>
    <col min="3330" max="3330" width="9" style="45" customWidth="1"/>
    <col min="3331" max="3337" width="9" style="45"/>
    <col min="3338" max="3338" width="9" style="45" customWidth="1"/>
    <col min="3339" max="3585" width="9" style="45"/>
    <col min="3586" max="3586" width="9" style="45" customWidth="1"/>
    <col min="3587" max="3593" width="9" style="45"/>
    <col min="3594" max="3594" width="9" style="45" customWidth="1"/>
    <col min="3595" max="3841" width="9" style="45"/>
    <col min="3842" max="3842" width="9" style="45" customWidth="1"/>
    <col min="3843" max="3849" width="9" style="45"/>
    <col min="3850" max="3850" width="9" style="45" customWidth="1"/>
    <col min="3851" max="4097" width="9" style="45"/>
    <col min="4098" max="4098" width="9" style="45" customWidth="1"/>
    <col min="4099" max="4105" width="9" style="45"/>
    <col min="4106" max="4106" width="9" style="45" customWidth="1"/>
    <col min="4107" max="4353" width="9" style="45"/>
    <col min="4354" max="4354" width="9" style="45" customWidth="1"/>
    <col min="4355" max="4361" width="9" style="45"/>
    <col min="4362" max="4362" width="9" style="45" customWidth="1"/>
    <col min="4363" max="4609" width="9" style="45"/>
    <col min="4610" max="4610" width="9" style="45" customWidth="1"/>
    <col min="4611" max="4617" width="9" style="45"/>
    <col min="4618" max="4618" width="9" style="45" customWidth="1"/>
    <col min="4619" max="4865" width="9" style="45"/>
    <col min="4866" max="4866" width="9" style="45" customWidth="1"/>
    <col min="4867" max="4873" width="9" style="45"/>
    <col min="4874" max="4874" width="9" style="45" customWidth="1"/>
    <col min="4875" max="5121" width="9" style="45"/>
    <col min="5122" max="5122" width="9" style="45" customWidth="1"/>
    <col min="5123" max="5129" width="9" style="45"/>
    <col min="5130" max="5130" width="9" style="45" customWidth="1"/>
    <col min="5131" max="5377" width="9" style="45"/>
    <col min="5378" max="5378" width="9" style="45" customWidth="1"/>
    <col min="5379" max="5385" width="9" style="45"/>
    <col min="5386" max="5386" width="9" style="45" customWidth="1"/>
    <col min="5387" max="5633" width="9" style="45"/>
    <col min="5634" max="5634" width="9" style="45" customWidth="1"/>
    <col min="5635" max="5641" width="9" style="45"/>
    <col min="5642" max="5642" width="9" style="45" customWidth="1"/>
    <col min="5643" max="5889" width="9" style="45"/>
    <col min="5890" max="5890" width="9" style="45" customWidth="1"/>
    <col min="5891" max="5897" width="9" style="45"/>
    <col min="5898" max="5898" width="9" style="45" customWidth="1"/>
    <col min="5899" max="6145" width="9" style="45"/>
    <col min="6146" max="6146" width="9" style="45" customWidth="1"/>
    <col min="6147" max="6153" width="9" style="45"/>
    <col min="6154" max="6154" width="9" style="45" customWidth="1"/>
    <col min="6155" max="6401" width="9" style="45"/>
    <col min="6402" max="6402" width="9" style="45" customWidth="1"/>
    <col min="6403" max="6409" width="9" style="45"/>
    <col min="6410" max="6410" width="9" style="45" customWidth="1"/>
    <col min="6411" max="6657" width="9" style="45"/>
    <col min="6658" max="6658" width="9" style="45" customWidth="1"/>
    <col min="6659" max="6665" width="9" style="45"/>
    <col min="6666" max="6666" width="9" style="45" customWidth="1"/>
    <col min="6667" max="6913" width="9" style="45"/>
    <col min="6914" max="6914" width="9" style="45" customWidth="1"/>
    <col min="6915" max="6921" width="9" style="45"/>
    <col min="6922" max="6922" width="9" style="45" customWidth="1"/>
    <col min="6923" max="7169" width="9" style="45"/>
    <col min="7170" max="7170" width="9" style="45" customWidth="1"/>
    <col min="7171" max="7177" width="9" style="45"/>
    <col min="7178" max="7178" width="9" style="45" customWidth="1"/>
    <col min="7179" max="7425" width="9" style="45"/>
    <col min="7426" max="7426" width="9" style="45" customWidth="1"/>
    <col min="7427" max="7433" width="9" style="45"/>
    <col min="7434" max="7434" width="9" style="45" customWidth="1"/>
    <col min="7435" max="7681" width="9" style="45"/>
    <col min="7682" max="7682" width="9" style="45" customWidth="1"/>
    <col min="7683" max="7689" width="9" style="45"/>
    <col min="7690" max="7690" width="9" style="45" customWidth="1"/>
    <col min="7691" max="7937" width="9" style="45"/>
    <col min="7938" max="7938" width="9" style="45" customWidth="1"/>
    <col min="7939" max="7945" width="9" style="45"/>
    <col min="7946" max="7946" width="9" style="45" customWidth="1"/>
    <col min="7947" max="8193" width="9" style="45"/>
    <col min="8194" max="8194" width="9" style="45" customWidth="1"/>
    <col min="8195" max="8201" width="9" style="45"/>
    <col min="8202" max="8202" width="9" style="45" customWidth="1"/>
    <col min="8203" max="8449" width="9" style="45"/>
    <col min="8450" max="8450" width="9" style="45" customWidth="1"/>
    <col min="8451" max="8457" width="9" style="45"/>
    <col min="8458" max="8458" width="9" style="45" customWidth="1"/>
    <col min="8459" max="8705" width="9" style="45"/>
    <col min="8706" max="8706" width="9" style="45" customWidth="1"/>
    <col min="8707" max="8713" width="9" style="45"/>
    <col min="8714" max="8714" width="9" style="45" customWidth="1"/>
    <col min="8715" max="8961" width="9" style="45"/>
    <col min="8962" max="8962" width="9" style="45" customWidth="1"/>
    <col min="8963" max="8969" width="9" style="45"/>
    <col min="8970" max="8970" width="9" style="45" customWidth="1"/>
    <col min="8971" max="9217" width="9" style="45"/>
    <col min="9218" max="9218" width="9" style="45" customWidth="1"/>
    <col min="9219" max="9225" width="9" style="45"/>
    <col min="9226" max="9226" width="9" style="45" customWidth="1"/>
    <col min="9227" max="9473" width="9" style="45"/>
    <col min="9474" max="9474" width="9" style="45" customWidth="1"/>
    <col min="9475" max="9481" width="9" style="45"/>
    <col min="9482" max="9482" width="9" style="45" customWidth="1"/>
    <col min="9483" max="9729" width="9" style="45"/>
    <col min="9730" max="9730" width="9" style="45" customWidth="1"/>
    <col min="9731" max="9737" width="9" style="45"/>
    <col min="9738" max="9738" width="9" style="45" customWidth="1"/>
    <col min="9739" max="9985" width="9" style="45"/>
    <col min="9986" max="9986" width="9" style="45" customWidth="1"/>
    <col min="9987" max="9993" width="9" style="45"/>
    <col min="9994" max="9994" width="9" style="45" customWidth="1"/>
    <col min="9995" max="10241" width="9" style="45"/>
    <col min="10242" max="10242" width="9" style="45" customWidth="1"/>
    <col min="10243" max="10249" width="9" style="45"/>
    <col min="10250" max="10250" width="9" style="45" customWidth="1"/>
    <col min="10251" max="10497" width="9" style="45"/>
    <col min="10498" max="10498" width="9" style="45" customWidth="1"/>
    <col min="10499" max="10505" width="9" style="45"/>
    <col min="10506" max="10506" width="9" style="45" customWidth="1"/>
    <col min="10507" max="10753" width="9" style="45"/>
    <col min="10754" max="10754" width="9" style="45" customWidth="1"/>
    <col min="10755" max="10761" width="9" style="45"/>
    <col min="10762" max="10762" width="9" style="45" customWidth="1"/>
    <col min="10763" max="11009" width="9" style="45"/>
    <col min="11010" max="11010" width="9" style="45" customWidth="1"/>
    <col min="11011" max="11017" width="9" style="45"/>
    <col min="11018" max="11018" width="9" style="45" customWidth="1"/>
    <col min="11019" max="11265" width="9" style="45"/>
    <col min="11266" max="11266" width="9" style="45" customWidth="1"/>
    <col min="11267" max="11273" width="9" style="45"/>
    <col min="11274" max="11274" width="9" style="45" customWidth="1"/>
    <col min="11275" max="11521" width="9" style="45"/>
    <col min="11522" max="11522" width="9" style="45" customWidth="1"/>
    <col min="11523" max="11529" width="9" style="45"/>
    <col min="11530" max="11530" width="9" style="45" customWidth="1"/>
    <col min="11531" max="11777" width="9" style="45"/>
    <col min="11778" max="11778" width="9" style="45" customWidth="1"/>
    <col min="11779" max="11785" width="9" style="45"/>
    <col min="11786" max="11786" width="9" style="45" customWidth="1"/>
    <col min="11787" max="12033" width="9" style="45"/>
    <col min="12034" max="12034" width="9" style="45" customWidth="1"/>
    <col min="12035" max="12041" width="9" style="45"/>
    <col min="12042" max="12042" width="9" style="45" customWidth="1"/>
    <col min="12043" max="12289" width="9" style="45"/>
    <col min="12290" max="12290" width="9" style="45" customWidth="1"/>
    <col min="12291" max="12297" width="9" style="45"/>
    <col min="12298" max="12298" width="9" style="45" customWidth="1"/>
    <col min="12299" max="12545" width="9" style="45"/>
    <col min="12546" max="12546" width="9" style="45" customWidth="1"/>
    <col min="12547" max="12553" width="9" style="45"/>
    <col min="12554" max="12554" width="9" style="45" customWidth="1"/>
    <col min="12555" max="12801" width="9" style="45"/>
    <col min="12802" max="12802" width="9" style="45" customWidth="1"/>
    <col min="12803" max="12809" width="9" style="45"/>
    <col min="12810" max="12810" width="9" style="45" customWidth="1"/>
    <col min="12811" max="13057" width="9" style="45"/>
    <col min="13058" max="13058" width="9" style="45" customWidth="1"/>
    <col min="13059" max="13065" width="9" style="45"/>
    <col min="13066" max="13066" width="9" style="45" customWidth="1"/>
    <col min="13067" max="13313" width="9" style="45"/>
    <col min="13314" max="13314" width="9" style="45" customWidth="1"/>
    <col min="13315" max="13321" width="9" style="45"/>
    <col min="13322" max="13322" width="9" style="45" customWidth="1"/>
    <col min="13323" max="13569" width="9" style="45"/>
    <col min="13570" max="13570" width="9" style="45" customWidth="1"/>
    <col min="13571" max="13577" width="9" style="45"/>
    <col min="13578" max="13578" width="9" style="45" customWidth="1"/>
    <col min="13579" max="13825" width="9" style="45"/>
    <col min="13826" max="13826" width="9" style="45" customWidth="1"/>
    <col min="13827" max="13833" width="9" style="45"/>
    <col min="13834" max="13834" width="9" style="45" customWidth="1"/>
    <col min="13835" max="14081" width="9" style="45"/>
    <col min="14082" max="14082" width="9" style="45" customWidth="1"/>
    <col min="14083" max="14089" width="9" style="45"/>
    <col min="14090" max="14090" width="9" style="45" customWidth="1"/>
    <col min="14091" max="14337" width="9" style="45"/>
    <col min="14338" max="14338" width="9" style="45" customWidth="1"/>
    <col min="14339" max="14345" width="9" style="45"/>
    <col min="14346" max="14346" width="9" style="45" customWidth="1"/>
    <col min="14347" max="14593" width="9" style="45"/>
    <col min="14594" max="14594" width="9" style="45" customWidth="1"/>
    <col min="14595" max="14601" width="9" style="45"/>
    <col min="14602" max="14602" width="9" style="45" customWidth="1"/>
    <col min="14603" max="14849" width="9" style="45"/>
    <col min="14850" max="14850" width="9" style="45" customWidth="1"/>
    <col min="14851" max="14857" width="9" style="45"/>
    <col min="14858" max="14858" width="9" style="45" customWidth="1"/>
    <col min="14859" max="15105" width="9" style="45"/>
    <col min="15106" max="15106" width="9" style="45" customWidth="1"/>
    <col min="15107" max="15113" width="9" style="45"/>
    <col min="15114" max="15114" width="9" style="45" customWidth="1"/>
    <col min="15115" max="15361" width="9" style="45"/>
    <col min="15362" max="15362" width="9" style="45" customWidth="1"/>
    <col min="15363" max="15369" width="9" style="45"/>
    <col min="15370" max="15370" width="9" style="45" customWidth="1"/>
    <col min="15371" max="15617" width="9" style="45"/>
    <col min="15618" max="15618" width="9" style="45" customWidth="1"/>
    <col min="15619" max="15625" width="9" style="45"/>
    <col min="15626" max="15626" width="9" style="45" customWidth="1"/>
    <col min="15627" max="15873" width="9" style="45"/>
    <col min="15874" max="15874" width="9" style="45" customWidth="1"/>
    <col min="15875" max="15881" width="9" style="45"/>
    <col min="15882" max="15882" width="9" style="45" customWidth="1"/>
    <col min="15883" max="16129" width="9" style="45"/>
    <col min="16130" max="16130" width="9" style="45" customWidth="1"/>
    <col min="16131" max="16137" width="9" style="45"/>
    <col min="16138" max="16138" width="9" style="45" customWidth="1"/>
    <col min="16139" max="16384" width="9" style="45"/>
  </cols>
  <sheetData>
    <row r="1" spans="1:10" s="1" customFormat="1" ht="18.75" customHeight="1" x14ac:dyDescent="0.2">
      <c r="A1" s="67" t="s">
        <v>142</v>
      </c>
      <c r="B1" s="67"/>
      <c r="C1" s="67"/>
      <c r="D1" s="67"/>
      <c r="E1" s="67"/>
      <c r="F1" s="67"/>
      <c r="G1" s="67"/>
      <c r="H1" s="67"/>
      <c r="I1" s="67"/>
      <c r="J1" s="67"/>
    </row>
    <row r="2" spans="1:10" s="1" customFormat="1" ht="18.75" customHeight="1" x14ac:dyDescent="0.2">
      <c r="A2" s="2"/>
      <c r="G2" s="2"/>
      <c r="J2" s="3" t="s">
        <v>0</v>
      </c>
    </row>
    <row r="3" spans="1:10" s="5" customFormat="1" ht="14.25" customHeight="1" x14ac:dyDescent="0.2">
      <c r="A3" s="4"/>
      <c r="J3" s="6" t="s">
        <v>89</v>
      </c>
    </row>
    <row r="4" spans="1:10" s="5" customFormat="1" ht="14.25" customHeight="1" x14ac:dyDescent="0.2">
      <c r="A4" s="5" t="s">
        <v>1</v>
      </c>
      <c r="D4" s="7"/>
      <c r="E4" s="7"/>
      <c r="F4" s="7"/>
      <c r="G4" s="7"/>
      <c r="H4" s="7"/>
      <c r="I4" s="7"/>
    </row>
    <row r="5" spans="1:10" s="5" customFormat="1" ht="14.25" customHeight="1" x14ac:dyDescent="0.2"/>
    <row r="6" spans="1:10" s="5" customFormat="1" ht="14.25" customHeight="1" x14ac:dyDescent="0.2">
      <c r="A6" s="5" t="s">
        <v>2</v>
      </c>
      <c r="D6" s="7" t="s">
        <v>3</v>
      </c>
      <c r="E6" s="7"/>
      <c r="F6" s="7"/>
      <c r="G6" s="7"/>
      <c r="H6" s="7"/>
      <c r="I6" s="7"/>
    </row>
    <row r="7" spans="1:10" s="5" customFormat="1" ht="14.25" customHeight="1" x14ac:dyDescent="0.2">
      <c r="D7" s="8"/>
      <c r="E7" s="8"/>
      <c r="F7" s="8"/>
      <c r="G7" s="8"/>
      <c r="H7" s="8"/>
      <c r="I7" s="8"/>
    </row>
    <row r="8" spans="1:10" s="5" customFormat="1" ht="14.25" customHeight="1" x14ac:dyDescent="0.2">
      <c r="D8" s="7"/>
      <c r="E8" s="7"/>
      <c r="F8" s="7"/>
      <c r="G8" s="7"/>
      <c r="H8" s="7"/>
      <c r="I8" s="7"/>
    </row>
    <row r="9" spans="1:10" s="5" customFormat="1" ht="14.25" customHeight="1" x14ac:dyDescent="0.2"/>
    <row r="10" spans="1:10" s="5" customFormat="1" ht="14.25" customHeight="1" x14ac:dyDescent="0.2">
      <c r="A10" s="5" t="s">
        <v>4</v>
      </c>
      <c r="D10" s="7"/>
      <c r="E10" s="7"/>
      <c r="F10" s="7"/>
      <c r="G10" s="7"/>
      <c r="H10" s="7"/>
      <c r="I10" s="7"/>
    </row>
    <row r="11" spans="1:10" s="5" customFormat="1" ht="14.25" customHeight="1" x14ac:dyDescent="0.2"/>
    <row r="12" spans="1:10" s="5" customFormat="1" ht="14.25" customHeight="1" x14ac:dyDescent="0.2">
      <c r="A12" s="5" t="s">
        <v>5</v>
      </c>
      <c r="D12" s="7" t="s">
        <v>3</v>
      </c>
      <c r="E12" s="7"/>
      <c r="F12" s="7"/>
      <c r="G12" s="7"/>
      <c r="H12" s="7"/>
      <c r="I12" s="7"/>
    </row>
    <row r="13" spans="1:10" s="5" customFormat="1" ht="14.25" customHeight="1" x14ac:dyDescent="0.2">
      <c r="D13" s="8"/>
      <c r="E13" s="8"/>
      <c r="F13" s="8"/>
      <c r="G13" s="8"/>
      <c r="H13" s="8"/>
      <c r="I13" s="8"/>
    </row>
    <row r="14" spans="1:10" s="5" customFormat="1" ht="14.25" customHeight="1" x14ac:dyDescent="0.2">
      <c r="D14" s="7"/>
      <c r="E14" s="7"/>
      <c r="F14" s="7"/>
      <c r="G14" s="7"/>
      <c r="H14" s="7"/>
      <c r="I14" s="7"/>
    </row>
    <row r="15" spans="1:10" s="5" customFormat="1" ht="14.25" customHeight="1" x14ac:dyDescent="0.2"/>
    <row r="16" spans="1:10" s="5" customFormat="1" ht="14.25" customHeight="1" x14ac:dyDescent="0.2">
      <c r="D16" s="7" t="s">
        <v>6</v>
      </c>
      <c r="E16" s="7"/>
      <c r="F16" s="7"/>
      <c r="G16" s="7"/>
      <c r="H16" s="7"/>
      <c r="I16" s="7"/>
    </row>
    <row r="17" spans="1:11" s="5" customFormat="1" ht="14.25" customHeight="1" x14ac:dyDescent="0.2"/>
    <row r="18" spans="1:11" s="5" customFormat="1" ht="14.25" customHeight="1" x14ac:dyDescent="0.2">
      <c r="D18" s="7" t="s">
        <v>7</v>
      </c>
      <c r="E18" s="7"/>
      <c r="F18" s="7"/>
      <c r="G18" s="7"/>
      <c r="H18" s="7"/>
      <c r="I18" s="7"/>
    </row>
    <row r="19" spans="1:11" s="5" customFormat="1" ht="14.25" customHeight="1" x14ac:dyDescent="0.2"/>
    <row r="20" spans="1:11" s="11" customFormat="1" ht="14.25" customHeight="1" x14ac:dyDescent="0.2">
      <c r="A20" s="9"/>
      <c r="B20" s="9"/>
      <c r="C20" s="9"/>
      <c r="D20" s="10" t="s">
        <v>102</v>
      </c>
      <c r="E20" s="10"/>
      <c r="F20" s="10"/>
      <c r="G20" s="10"/>
      <c r="H20" s="10"/>
      <c r="I20" s="10"/>
      <c r="J20" s="9"/>
      <c r="K20" s="9"/>
    </row>
    <row r="21" spans="1:11" s="13" customFormat="1" ht="14.25" customHeight="1" x14ac:dyDescent="0.2">
      <c r="A21" s="12"/>
      <c r="B21" s="12"/>
      <c r="C21" s="12"/>
      <c r="D21" s="12"/>
      <c r="E21" s="12"/>
      <c r="F21" s="12"/>
      <c r="G21" s="12"/>
      <c r="H21" s="12"/>
      <c r="I21" s="12"/>
      <c r="J21" s="12"/>
      <c r="K21" s="12"/>
    </row>
    <row r="22" spans="1:11" s="13" customFormat="1" ht="14.25" customHeight="1" x14ac:dyDescent="0.2">
      <c r="A22" s="12" t="s">
        <v>103</v>
      </c>
      <c r="B22" s="12"/>
      <c r="C22" s="12"/>
      <c r="D22" s="10"/>
      <c r="E22" s="10"/>
      <c r="F22" s="10"/>
      <c r="G22" s="10"/>
      <c r="H22" s="10"/>
      <c r="I22" s="10"/>
      <c r="J22" s="12"/>
      <c r="K22" s="12"/>
    </row>
    <row r="23" spans="1:11" s="5" customFormat="1" ht="14.25" customHeight="1" x14ac:dyDescent="0.2"/>
    <row r="24" spans="1:11" s="5" customFormat="1" ht="14.25" customHeight="1" x14ac:dyDescent="0.2">
      <c r="A24" s="5" t="s">
        <v>104</v>
      </c>
      <c r="D24" s="7"/>
      <c r="E24" s="7"/>
      <c r="F24" s="7"/>
      <c r="G24" s="7"/>
      <c r="H24" s="7"/>
      <c r="I24" s="7"/>
    </row>
    <row r="25" spans="1:11" s="5" customFormat="1" ht="14.25" customHeight="1" x14ac:dyDescent="0.2">
      <c r="D25" s="8"/>
      <c r="E25" s="8"/>
      <c r="F25" s="8"/>
      <c r="G25" s="8"/>
      <c r="H25" s="8"/>
      <c r="I25" s="8"/>
    </row>
    <row r="26" spans="1:11" s="5" customFormat="1" ht="14.25" customHeight="1" x14ac:dyDescent="0.2">
      <c r="A26" s="5" t="s">
        <v>105</v>
      </c>
      <c r="D26" s="7"/>
      <c r="E26" s="7"/>
      <c r="F26" s="7"/>
      <c r="G26" s="7"/>
      <c r="H26" s="7"/>
      <c r="I26" s="7"/>
    </row>
    <row r="27" spans="1:11" s="5" customFormat="1" ht="14.25" customHeight="1" x14ac:dyDescent="0.2">
      <c r="A27" s="5" t="s">
        <v>74</v>
      </c>
      <c r="D27" s="8"/>
      <c r="E27" s="8"/>
      <c r="F27" s="8"/>
      <c r="G27" s="8"/>
      <c r="H27" s="8"/>
      <c r="I27" s="8"/>
    </row>
    <row r="28" spans="1:11" s="5" customFormat="1" ht="14.25" customHeight="1" x14ac:dyDescent="0.2"/>
    <row r="29" spans="1:11" s="5" customFormat="1" ht="14.25" customHeight="1" x14ac:dyDescent="0.2">
      <c r="A29" s="5" t="s">
        <v>106</v>
      </c>
      <c r="D29" s="7"/>
      <c r="E29" s="8" t="s">
        <v>8</v>
      </c>
      <c r="G29" s="14"/>
      <c r="H29" s="8"/>
      <c r="I29" s="14"/>
    </row>
    <row r="30" spans="1:11" s="5" customFormat="1" ht="14.25" customHeight="1" x14ac:dyDescent="0.2">
      <c r="D30" s="8"/>
      <c r="F30" s="14"/>
      <c r="G30" s="8"/>
      <c r="H30" s="14"/>
    </row>
    <row r="31" spans="1:11" s="5" customFormat="1" ht="14.25" customHeight="1" x14ac:dyDescent="0.2">
      <c r="D31" s="8" t="s">
        <v>9</v>
      </c>
    </row>
    <row r="32" spans="1:11" s="5" customFormat="1" ht="14.25" customHeight="1" x14ac:dyDescent="0.2">
      <c r="B32" s="8"/>
      <c r="E32" s="8"/>
      <c r="F32" s="8"/>
      <c r="H32" s="8"/>
    </row>
    <row r="33" spans="4:10" s="5" customFormat="1" ht="14.25" customHeight="1" x14ac:dyDescent="0.2">
      <c r="D33" s="15" t="s">
        <v>10</v>
      </c>
      <c r="E33" s="7"/>
      <c r="F33" s="16" t="s">
        <v>8</v>
      </c>
      <c r="G33" s="8"/>
      <c r="H33" s="17"/>
      <c r="I33" s="8"/>
    </row>
    <row r="34" spans="4:10" s="5" customFormat="1" ht="14.25" customHeight="1" x14ac:dyDescent="0.2">
      <c r="D34" s="15"/>
      <c r="E34" s="8"/>
      <c r="F34" s="17"/>
      <c r="G34" s="8"/>
      <c r="H34" s="17"/>
      <c r="I34" s="8"/>
    </row>
    <row r="35" spans="4:10" s="5" customFormat="1" ht="14.25" customHeight="1" x14ac:dyDescent="0.2">
      <c r="D35" s="15" t="s">
        <v>11</v>
      </c>
      <c r="E35" s="7"/>
      <c r="F35" s="18" t="s">
        <v>12</v>
      </c>
      <c r="G35" s="7" t="s">
        <v>13</v>
      </c>
      <c r="H35" s="17" t="s">
        <v>14</v>
      </c>
      <c r="I35" s="7" t="s">
        <v>13</v>
      </c>
      <c r="J35" s="5" t="s">
        <v>15</v>
      </c>
    </row>
    <row r="36" spans="4:10" s="5" customFormat="1" ht="14.25" customHeight="1" x14ac:dyDescent="0.2">
      <c r="D36" s="15"/>
      <c r="E36" s="8"/>
      <c r="F36" s="17"/>
      <c r="G36" s="8"/>
      <c r="H36" s="17"/>
      <c r="I36" s="8"/>
    </row>
    <row r="37" spans="4:10" s="5" customFormat="1" ht="14.25" customHeight="1" x14ac:dyDescent="0.2">
      <c r="D37" s="15" t="s">
        <v>16</v>
      </c>
      <c r="E37" s="7"/>
      <c r="F37" s="18" t="s">
        <v>12</v>
      </c>
      <c r="G37" s="7" t="s">
        <v>13</v>
      </c>
      <c r="H37" s="17" t="s">
        <v>14</v>
      </c>
      <c r="I37" s="7" t="s">
        <v>13</v>
      </c>
      <c r="J37" s="5" t="s">
        <v>15</v>
      </c>
    </row>
    <row r="38" spans="4:10" s="5" customFormat="1" ht="14.25" customHeight="1" x14ac:dyDescent="0.2">
      <c r="D38" s="15"/>
      <c r="E38" s="8"/>
      <c r="F38" s="17"/>
      <c r="G38" s="8"/>
      <c r="H38" s="17"/>
      <c r="I38" s="8"/>
    </row>
    <row r="39" spans="4:10" s="5" customFormat="1" ht="14.25" customHeight="1" x14ac:dyDescent="0.2">
      <c r="D39" s="15" t="s">
        <v>17</v>
      </c>
      <c r="E39" s="7"/>
      <c r="F39" s="18" t="s">
        <v>12</v>
      </c>
      <c r="G39" s="7" t="s">
        <v>13</v>
      </c>
      <c r="H39" s="17" t="s">
        <v>14</v>
      </c>
      <c r="I39" s="7" t="s">
        <v>13</v>
      </c>
      <c r="J39" s="5" t="s">
        <v>15</v>
      </c>
    </row>
    <row r="40" spans="4:10" s="5" customFormat="1" ht="14.25" customHeight="1" x14ac:dyDescent="0.2">
      <c r="D40" s="15"/>
      <c r="E40" s="8"/>
      <c r="F40" s="17"/>
      <c r="G40" s="8"/>
      <c r="H40" s="17"/>
      <c r="I40" s="8"/>
    </row>
    <row r="41" spans="4:10" s="5" customFormat="1" ht="14.25" customHeight="1" x14ac:dyDescent="0.2">
      <c r="D41" s="15" t="s">
        <v>18</v>
      </c>
      <c r="E41" s="7"/>
      <c r="F41" s="18" t="s">
        <v>12</v>
      </c>
      <c r="G41" s="7" t="s">
        <v>13</v>
      </c>
      <c r="H41" s="17" t="s">
        <v>14</v>
      </c>
      <c r="I41" s="7" t="s">
        <v>13</v>
      </c>
      <c r="J41" s="5" t="s">
        <v>15</v>
      </c>
    </row>
    <row r="42" spans="4:10" s="5" customFormat="1" ht="14.25" customHeight="1" x14ac:dyDescent="0.2">
      <c r="D42" s="15"/>
      <c r="E42" s="8"/>
      <c r="F42" s="17"/>
      <c r="G42" s="8"/>
      <c r="H42" s="17"/>
      <c r="I42" s="8"/>
    </row>
    <row r="43" spans="4:10" s="5" customFormat="1" ht="14.25" customHeight="1" x14ac:dyDescent="0.2">
      <c r="D43" s="15" t="s">
        <v>19</v>
      </c>
      <c r="E43" s="7"/>
      <c r="F43" s="18" t="s">
        <v>12</v>
      </c>
      <c r="G43" s="7" t="s">
        <v>13</v>
      </c>
      <c r="H43" s="17" t="s">
        <v>14</v>
      </c>
      <c r="I43" s="7" t="s">
        <v>13</v>
      </c>
      <c r="J43" s="5" t="s">
        <v>15</v>
      </c>
    </row>
    <row r="44" spans="4:10" s="5" customFormat="1" ht="14.25" customHeight="1" x14ac:dyDescent="0.2">
      <c r="D44" s="15"/>
      <c r="E44" s="8"/>
      <c r="F44" s="17"/>
      <c r="G44" s="8"/>
      <c r="H44" s="17"/>
      <c r="I44" s="8"/>
    </row>
    <row r="45" spans="4:10" s="5" customFormat="1" ht="14.25" customHeight="1" x14ac:dyDescent="0.2">
      <c r="D45" s="15" t="s">
        <v>20</v>
      </c>
      <c r="E45" s="7"/>
      <c r="F45" s="18" t="s">
        <v>12</v>
      </c>
      <c r="G45" s="7" t="s">
        <v>13</v>
      </c>
      <c r="H45" s="17" t="s">
        <v>14</v>
      </c>
      <c r="I45" s="7" t="s">
        <v>13</v>
      </c>
      <c r="J45" s="5" t="s">
        <v>15</v>
      </c>
    </row>
    <row r="46" spans="4:10" s="5" customFormat="1" ht="14.25" customHeight="1" x14ac:dyDescent="0.2">
      <c r="D46" s="15"/>
      <c r="E46" s="8"/>
      <c r="F46" s="17"/>
      <c r="G46" s="8"/>
      <c r="H46" s="17"/>
      <c r="I46" s="8"/>
    </row>
    <row r="47" spans="4:10" s="5" customFormat="1" ht="14.25" customHeight="1" x14ac:dyDescent="0.2">
      <c r="D47" s="19" t="s">
        <v>101</v>
      </c>
      <c r="E47" s="7"/>
      <c r="F47" s="18" t="s">
        <v>12</v>
      </c>
      <c r="G47" s="7" t="s">
        <v>13</v>
      </c>
      <c r="H47" s="17" t="s">
        <v>14</v>
      </c>
      <c r="I47" s="7" t="s">
        <v>13</v>
      </c>
      <c r="J47" s="5" t="s">
        <v>15</v>
      </c>
    </row>
    <row r="48" spans="4:10" s="5" customFormat="1" ht="14.25" customHeight="1" x14ac:dyDescent="0.2">
      <c r="D48" s="15"/>
      <c r="E48" s="8"/>
      <c r="F48" s="17"/>
      <c r="G48" s="8"/>
      <c r="H48" s="17"/>
      <c r="I48" s="8"/>
    </row>
    <row r="49" spans="1:10" s="5" customFormat="1" ht="14.25" customHeight="1" x14ac:dyDescent="0.2">
      <c r="A49" s="5" t="s">
        <v>107</v>
      </c>
      <c r="D49" s="7"/>
      <c r="E49" s="5" t="s">
        <v>21</v>
      </c>
      <c r="H49" s="8"/>
    </row>
    <row r="50" spans="1:10" s="5" customFormat="1" ht="14.25" customHeight="1" x14ac:dyDescent="0.2">
      <c r="D50" s="8"/>
      <c r="H50" s="8"/>
    </row>
    <row r="51" spans="1:10" s="5" customFormat="1" ht="14.25" customHeight="1" x14ac:dyDescent="0.2">
      <c r="A51" s="5" t="s">
        <v>108</v>
      </c>
      <c r="D51" s="7" t="s">
        <v>22</v>
      </c>
      <c r="E51" s="7"/>
      <c r="F51" s="20"/>
      <c r="G51" s="7"/>
      <c r="H51" s="20"/>
      <c r="I51" s="20"/>
    </row>
    <row r="52" spans="1:10" s="5" customFormat="1" ht="14.25" customHeight="1" x14ac:dyDescent="0.2">
      <c r="D52" s="8"/>
      <c r="E52" s="8"/>
      <c r="F52" s="21"/>
      <c r="G52" s="8"/>
      <c r="H52" s="21"/>
      <c r="I52" s="21"/>
    </row>
    <row r="53" spans="1:10" s="5" customFormat="1" ht="14.25" customHeight="1" x14ac:dyDescent="0.2">
      <c r="D53" s="7" t="s">
        <v>23</v>
      </c>
      <c r="E53" s="7"/>
      <c r="F53" s="20"/>
      <c r="G53" s="7"/>
      <c r="H53" s="20"/>
      <c r="I53" s="20"/>
    </row>
    <row r="54" spans="1:10" s="5" customFormat="1" ht="14.25" customHeight="1" x14ac:dyDescent="0.2">
      <c r="D54" s="8"/>
      <c r="E54" s="8"/>
      <c r="F54" s="21"/>
      <c r="G54" s="8"/>
      <c r="H54" s="21"/>
      <c r="I54" s="21"/>
    </row>
    <row r="55" spans="1:10" s="5" customFormat="1" ht="14.25" customHeight="1" x14ac:dyDescent="0.2">
      <c r="A55" s="5" t="s">
        <v>109</v>
      </c>
    </row>
    <row r="56" spans="1:10" s="5" customFormat="1" ht="14.25" customHeight="1" x14ac:dyDescent="0.2"/>
    <row r="57" spans="1:10" s="9" customFormat="1" ht="14" x14ac:dyDescent="0.2">
      <c r="A57" s="22"/>
      <c r="F57" s="66" t="s">
        <v>86</v>
      </c>
      <c r="G57" s="66"/>
      <c r="H57" s="66"/>
      <c r="I57" s="66"/>
      <c r="J57" s="66"/>
    </row>
    <row r="58" spans="1:10" s="23" customFormat="1" ht="14" x14ac:dyDescent="0.2">
      <c r="A58" s="5"/>
      <c r="B58" s="5"/>
      <c r="C58" s="5"/>
      <c r="D58" s="5"/>
      <c r="E58" s="5"/>
      <c r="F58" s="5"/>
      <c r="G58" s="8"/>
      <c r="H58" s="8"/>
      <c r="I58" s="5"/>
      <c r="J58" s="5"/>
    </row>
    <row r="59" spans="1:10" s="24" customFormat="1" ht="14" x14ac:dyDescent="0.2">
      <c r="A59" s="5" t="s">
        <v>137</v>
      </c>
      <c r="B59" s="5"/>
      <c r="C59" s="5"/>
      <c r="D59" s="5"/>
      <c r="E59" s="5"/>
      <c r="F59" s="5"/>
      <c r="G59" s="8" t="s">
        <v>75</v>
      </c>
      <c r="H59" s="5"/>
      <c r="I59" s="5"/>
      <c r="J59" s="5" t="s">
        <v>28</v>
      </c>
    </row>
    <row r="60" spans="1:10" s="5" customFormat="1" ht="14.25" customHeight="1" x14ac:dyDescent="0.2">
      <c r="F60" s="8"/>
      <c r="G60" s="8"/>
      <c r="H60" s="8"/>
    </row>
    <row r="61" spans="1:10" s="26" customFormat="1" ht="14" x14ac:dyDescent="0.2">
      <c r="A61" s="25" t="s">
        <v>125</v>
      </c>
      <c r="B61" s="25"/>
      <c r="C61" s="25"/>
      <c r="D61" s="25"/>
      <c r="E61" s="25"/>
      <c r="F61" s="25"/>
      <c r="G61" s="25" t="s">
        <v>27</v>
      </c>
      <c r="H61" s="25" t="s">
        <v>28</v>
      </c>
      <c r="I61" s="25"/>
      <c r="J61" s="25" t="s">
        <v>28</v>
      </c>
    </row>
    <row r="62" spans="1:10" s="27" customFormat="1" ht="14" x14ac:dyDescent="0.2">
      <c r="A62" s="25"/>
      <c r="B62" s="25"/>
      <c r="C62" s="25"/>
      <c r="D62" s="25"/>
      <c r="E62" s="25"/>
      <c r="F62" s="25"/>
      <c r="G62" s="25"/>
      <c r="H62" s="25"/>
      <c r="I62" s="25"/>
      <c r="J62" s="25"/>
    </row>
    <row r="63" spans="1:10" s="26" customFormat="1" ht="14" x14ac:dyDescent="0.2">
      <c r="A63" s="25" t="s">
        <v>143</v>
      </c>
      <c r="B63" s="25"/>
      <c r="C63" s="25"/>
      <c r="D63" s="25"/>
      <c r="E63" s="25"/>
      <c r="F63" s="25"/>
      <c r="G63" s="25" t="s">
        <v>27</v>
      </c>
      <c r="H63" s="25" t="s">
        <v>28</v>
      </c>
      <c r="I63" s="25"/>
      <c r="J63" s="25" t="s">
        <v>28</v>
      </c>
    </row>
    <row r="64" spans="1:10" s="27" customFormat="1" ht="14" x14ac:dyDescent="0.2">
      <c r="A64" s="25"/>
      <c r="B64" s="25"/>
      <c r="C64" s="25"/>
      <c r="D64" s="25"/>
      <c r="E64" s="25"/>
      <c r="F64" s="25"/>
      <c r="G64" s="25"/>
      <c r="H64" s="25"/>
      <c r="I64" s="25"/>
      <c r="J64" s="25"/>
    </row>
    <row r="65" spans="1:10" s="24" customFormat="1" ht="14" x14ac:dyDescent="0.2">
      <c r="A65" s="5" t="s">
        <v>144</v>
      </c>
      <c r="B65" s="5"/>
      <c r="C65" s="5"/>
      <c r="D65" s="5"/>
      <c r="E65" s="5"/>
      <c r="F65" s="5"/>
      <c r="G65" s="5" t="s">
        <v>27</v>
      </c>
      <c r="H65" s="5" t="s">
        <v>28</v>
      </c>
      <c r="I65" s="5"/>
      <c r="J65" s="5"/>
    </row>
    <row r="66" spans="1:10" s="24" customFormat="1" ht="14" x14ac:dyDescent="0.2">
      <c r="A66" s="5"/>
      <c r="B66" s="5"/>
      <c r="C66" s="5"/>
      <c r="D66" s="5"/>
      <c r="E66" s="5"/>
      <c r="F66" s="5"/>
      <c r="G66" s="5"/>
      <c r="H66" s="5"/>
      <c r="I66" s="5"/>
      <c r="J66" s="5"/>
    </row>
    <row r="67" spans="1:10" s="24" customFormat="1" ht="14" x14ac:dyDescent="0.2">
      <c r="A67" s="5" t="s">
        <v>138</v>
      </c>
      <c r="B67" s="5"/>
      <c r="C67" s="5"/>
      <c r="D67" s="5"/>
      <c r="E67" s="5"/>
      <c r="F67" s="5"/>
      <c r="G67" s="8" t="s">
        <v>31</v>
      </c>
      <c r="H67" s="5"/>
      <c r="I67" s="5"/>
      <c r="J67" s="5" t="s">
        <v>28</v>
      </c>
    </row>
    <row r="68" spans="1:10" s="9" customFormat="1" ht="14" x14ac:dyDescent="0.2">
      <c r="A68" s="22"/>
      <c r="F68" s="28"/>
      <c r="G68" s="28"/>
      <c r="H68" s="28"/>
      <c r="I68" s="28"/>
      <c r="J68" s="28"/>
    </row>
    <row r="69" spans="1:10" s="24" customFormat="1" ht="14" x14ac:dyDescent="0.2">
      <c r="A69" s="5" t="s">
        <v>141</v>
      </c>
      <c r="B69" s="5"/>
      <c r="C69" s="5"/>
      <c r="D69" s="5"/>
      <c r="E69" s="5"/>
      <c r="F69" s="5"/>
      <c r="G69" s="5" t="s">
        <v>27</v>
      </c>
      <c r="H69" s="5" t="s">
        <v>28</v>
      </c>
      <c r="I69" s="5"/>
      <c r="J69" s="5"/>
    </row>
    <row r="70" spans="1:10" s="27" customFormat="1" ht="14" x14ac:dyDescent="0.2">
      <c r="A70" s="25"/>
      <c r="B70" s="25"/>
      <c r="C70" s="25"/>
      <c r="D70" s="25"/>
      <c r="E70" s="25"/>
      <c r="F70" s="25"/>
      <c r="G70" s="25"/>
      <c r="H70" s="25"/>
      <c r="I70" s="25"/>
      <c r="J70" s="25"/>
    </row>
    <row r="71" spans="1:10" s="27" customFormat="1" ht="14" x14ac:dyDescent="0.2">
      <c r="A71" s="25" t="s">
        <v>126</v>
      </c>
      <c r="B71" s="25"/>
      <c r="C71" s="25"/>
      <c r="D71" s="25"/>
      <c r="E71" s="25"/>
      <c r="F71" s="25"/>
      <c r="G71" s="25" t="s">
        <v>31</v>
      </c>
      <c r="H71" s="25"/>
      <c r="I71" s="25"/>
      <c r="J71" s="25" t="s">
        <v>28</v>
      </c>
    </row>
    <row r="72" spans="1:10" s="27" customFormat="1" ht="14" x14ac:dyDescent="0.2">
      <c r="A72" s="25"/>
      <c r="B72" s="25"/>
      <c r="C72" s="25"/>
      <c r="D72" s="25"/>
      <c r="E72" s="25"/>
      <c r="F72" s="25"/>
      <c r="G72" s="25"/>
      <c r="H72" s="25"/>
      <c r="I72" s="25"/>
      <c r="J72" s="25"/>
    </row>
    <row r="73" spans="1:10" s="27" customFormat="1" ht="14" x14ac:dyDescent="0.2">
      <c r="A73" s="25" t="s">
        <v>127</v>
      </c>
      <c r="B73" s="25"/>
      <c r="C73" s="25"/>
      <c r="D73" s="25"/>
      <c r="E73" s="25"/>
      <c r="F73" s="25"/>
      <c r="G73" s="25" t="s">
        <v>27</v>
      </c>
      <c r="H73" s="25" t="s">
        <v>28</v>
      </c>
      <c r="I73" s="25"/>
      <c r="J73" s="25"/>
    </row>
    <row r="74" spans="1:10" s="27" customFormat="1" ht="14" x14ac:dyDescent="0.2">
      <c r="A74" s="25"/>
      <c r="B74" s="25"/>
      <c r="C74" s="25"/>
      <c r="D74" s="25"/>
      <c r="E74" s="25"/>
      <c r="F74" s="25"/>
      <c r="G74" s="29"/>
      <c r="H74" s="25"/>
      <c r="I74" s="25"/>
      <c r="J74" s="25"/>
    </row>
    <row r="75" spans="1:10" s="27" customFormat="1" ht="14" x14ac:dyDescent="0.2">
      <c r="A75" s="25" t="s">
        <v>128</v>
      </c>
      <c r="B75" s="25"/>
      <c r="C75" s="25"/>
      <c r="D75" s="25"/>
      <c r="E75" s="25"/>
      <c r="F75" s="25"/>
      <c r="G75" s="25" t="s">
        <v>75</v>
      </c>
      <c r="H75" s="25"/>
      <c r="I75" s="25"/>
      <c r="J75" s="25" t="s">
        <v>28</v>
      </c>
    </row>
    <row r="76" spans="1:10" s="27" customFormat="1" ht="14" x14ac:dyDescent="0.2">
      <c r="A76" s="25"/>
      <c r="B76" s="25"/>
      <c r="C76" s="25"/>
      <c r="D76" s="25"/>
      <c r="E76" s="25"/>
      <c r="F76" s="25"/>
      <c r="G76" s="25"/>
      <c r="H76" s="25"/>
      <c r="I76" s="25"/>
      <c r="J76" s="25"/>
    </row>
    <row r="77" spans="1:10" s="27" customFormat="1" ht="14" x14ac:dyDescent="0.2">
      <c r="A77" s="25" t="s">
        <v>129</v>
      </c>
      <c r="B77" s="25"/>
      <c r="C77" s="25"/>
      <c r="D77" s="25"/>
      <c r="E77" s="25"/>
      <c r="F77" s="25"/>
      <c r="G77" s="25" t="s">
        <v>31</v>
      </c>
      <c r="H77" s="25"/>
      <c r="I77" s="25"/>
      <c r="J77" s="25" t="s">
        <v>28</v>
      </c>
    </row>
    <row r="78" spans="1:10" s="27" customFormat="1" ht="14" x14ac:dyDescent="0.2">
      <c r="A78" s="25"/>
      <c r="B78" s="25"/>
      <c r="C78" s="25"/>
      <c r="D78" s="25"/>
      <c r="E78" s="25"/>
      <c r="F78" s="25"/>
      <c r="G78" s="25"/>
      <c r="H78" s="25"/>
      <c r="I78" s="25"/>
      <c r="J78" s="25"/>
    </row>
    <row r="79" spans="1:10" s="27" customFormat="1" ht="14" x14ac:dyDescent="0.2">
      <c r="A79" s="25" t="s">
        <v>130</v>
      </c>
      <c r="B79" s="25"/>
      <c r="C79" s="25"/>
      <c r="D79" s="25"/>
      <c r="E79" s="25"/>
      <c r="F79" s="25"/>
      <c r="G79" s="25" t="s">
        <v>29</v>
      </c>
      <c r="H79" s="25" t="s">
        <v>28</v>
      </c>
      <c r="I79" s="25"/>
      <c r="J79" s="25"/>
    </row>
    <row r="80" spans="1:10" s="27" customFormat="1" ht="14" x14ac:dyDescent="0.2">
      <c r="A80" s="25"/>
      <c r="B80" s="25"/>
      <c r="C80" s="25"/>
      <c r="D80" s="25"/>
      <c r="E80" s="25"/>
      <c r="F80" s="25"/>
      <c r="G80" s="25"/>
      <c r="H80" s="25"/>
      <c r="I80" s="25"/>
      <c r="J80" s="25"/>
    </row>
    <row r="81" spans="1:10" s="26" customFormat="1" ht="14" x14ac:dyDescent="0.2">
      <c r="A81" s="25" t="s">
        <v>145</v>
      </c>
      <c r="B81" s="25"/>
      <c r="C81" s="25"/>
      <c r="D81" s="25"/>
      <c r="E81" s="25"/>
      <c r="F81" s="25"/>
      <c r="G81" s="25" t="s">
        <v>27</v>
      </c>
      <c r="H81" s="25"/>
      <c r="I81" s="25"/>
      <c r="J81" s="25" t="s">
        <v>28</v>
      </c>
    </row>
    <row r="82" spans="1:10" s="27" customFormat="1" ht="14" x14ac:dyDescent="0.2">
      <c r="A82" s="25"/>
      <c r="B82" s="25"/>
      <c r="C82" s="25"/>
      <c r="D82" s="25"/>
      <c r="E82" s="25"/>
      <c r="F82" s="25"/>
      <c r="G82" s="25"/>
      <c r="H82" s="25"/>
      <c r="I82" s="25"/>
      <c r="J82" s="25"/>
    </row>
    <row r="83" spans="1:10" s="26" customFormat="1" ht="14" x14ac:dyDescent="0.2">
      <c r="A83" s="25" t="s">
        <v>131</v>
      </c>
      <c r="B83" s="25"/>
      <c r="C83" s="25"/>
      <c r="D83" s="25"/>
      <c r="E83" s="25"/>
      <c r="F83" s="25"/>
      <c r="G83" s="25" t="s">
        <v>29</v>
      </c>
      <c r="H83" s="25" t="s">
        <v>30</v>
      </c>
      <c r="I83" s="25"/>
      <c r="J83" s="25"/>
    </row>
    <row r="84" spans="1:10" s="24" customFormat="1" ht="14" x14ac:dyDescent="0.2">
      <c r="A84" s="5"/>
      <c r="B84" s="5"/>
      <c r="C84" s="5"/>
      <c r="D84" s="5"/>
      <c r="E84" s="5"/>
      <c r="F84" s="5"/>
      <c r="G84" s="5"/>
      <c r="H84" s="5"/>
      <c r="I84" s="5"/>
      <c r="J84" s="5"/>
    </row>
    <row r="85" spans="1:10" s="24" customFormat="1" ht="14" x14ac:dyDescent="0.2">
      <c r="A85" s="5" t="s">
        <v>146</v>
      </c>
      <c r="B85" s="5"/>
      <c r="C85" s="5"/>
      <c r="D85" s="5"/>
      <c r="E85" s="5"/>
      <c r="F85" s="5"/>
      <c r="G85" s="5" t="s">
        <v>27</v>
      </c>
      <c r="H85" s="5" t="s">
        <v>28</v>
      </c>
      <c r="I85" s="5"/>
      <c r="J85" s="5"/>
    </row>
    <row r="86" spans="1:10" s="27" customFormat="1" ht="14" x14ac:dyDescent="0.2">
      <c r="A86" s="25"/>
      <c r="B86" s="25"/>
      <c r="C86" s="25"/>
      <c r="D86" s="25"/>
      <c r="E86" s="25"/>
      <c r="F86" s="25"/>
      <c r="G86" s="25"/>
      <c r="H86" s="25"/>
      <c r="I86" s="25"/>
      <c r="J86" s="25"/>
    </row>
    <row r="87" spans="1:10" s="5" customFormat="1" ht="14.25" customHeight="1" x14ac:dyDescent="0.2">
      <c r="A87" s="55" t="s">
        <v>147</v>
      </c>
      <c r="B87" s="55"/>
      <c r="C87" s="55"/>
      <c r="D87" s="55"/>
      <c r="E87" s="55"/>
      <c r="G87" s="25" t="s">
        <v>31</v>
      </c>
      <c r="H87" s="25"/>
      <c r="I87" s="25"/>
      <c r="J87" s="25" t="s">
        <v>28</v>
      </c>
    </row>
    <row r="88" spans="1:10" s="24" customFormat="1" ht="14.5" customHeight="1" x14ac:dyDescent="0.2">
      <c r="A88" s="5"/>
      <c r="B88" s="5"/>
      <c r="C88" s="5"/>
      <c r="D88" s="5"/>
      <c r="E88" s="5"/>
      <c r="F88" s="5"/>
      <c r="G88" s="5"/>
      <c r="H88" s="5"/>
      <c r="I88" s="5"/>
      <c r="J88" s="5"/>
    </row>
    <row r="89" spans="1:10" s="24" customFormat="1" ht="14" x14ac:dyDescent="0.2">
      <c r="A89" s="5" t="s">
        <v>148</v>
      </c>
      <c r="B89" s="5"/>
      <c r="C89" s="5"/>
      <c r="D89" s="5"/>
      <c r="E89" s="5"/>
      <c r="F89" s="5"/>
      <c r="G89" s="5" t="s">
        <v>27</v>
      </c>
      <c r="H89" s="5" t="s">
        <v>28</v>
      </c>
      <c r="I89" s="5"/>
      <c r="J89" s="5"/>
    </row>
    <row r="90" spans="1:10" s="27" customFormat="1" ht="14" x14ac:dyDescent="0.2">
      <c r="A90" s="25"/>
      <c r="B90" s="25"/>
      <c r="C90" s="25"/>
      <c r="D90" s="25"/>
      <c r="E90" s="25"/>
      <c r="F90" s="25"/>
      <c r="G90" s="25"/>
      <c r="H90" s="25"/>
      <c r="I90" s="25"/>
      <c r="J90" s="25"/>
    </row>
    <row r="91" spans="1:10" s="26" customFormat="1" ht="14" x14ac:dyDescent="0.2">
      <c r="A91" s="25" t="s">
        <v>149</v>
      </c>
      <c r="B91" s="25"/>
      <c r="C91" s="25"/>
      <c r="D91" s="25"/>
      <c r="E91" s="25"/>
      <c r="F91" s="25"/>
      <c r="G91" s="25" t="s">
        <v>31</v>
      </c>
      <c r="H91" s="25"/>
      <c r="I91" s="25"/>
      <c r="J91" s="25" t="s">
        <v>28</v>
      </c>
    </row>
    <row r="92" spans="1:10" s="24" customFormat="1" ht="14" x14ac:dyDescent="0.2">
      <c r="A92" s="5"/>
      <c r="B92" s="5"/>
      <c r="C92" s="5"/>
      <c r="D92" s="5"/>
      <c r="E92" s="5"/>
      <c r="F92" s="5"/>
      <c r="G92" s="5"/>
      <c r="H92" s="5"/>
      <c r="I92" s="5"/>
      <c r="J92" s="5"/>
    </row>
    <row r="93" spans="1:10" s="24" customFormat="1" ht="14" x14ac:dyDescent="0.2">
      <c r="A93" s="5" t="s">
        <v>150</v>
      </c>
      <c r="B93" s="5"/>
      <c r="C93" s="5"/>
      <c r="D93" s="5"/>
      <c r="E93" s="5"/>
      <c r="F93" s="5"/>
      <c r="G93" s="5" t="s">
        <v>27</v>
      </c>
      <c r="H93" s="5" t="s">
        <v>28</v>
      </c>
      <c r="I93" s="5"/>
      <c r="J93" s="5"/>
    </row>
    <row r="94" spans="1:10" s="27" customFormat="1" ht="14" x14ac:dyDescent="0.2">
      <c r="A94" s="25"/>
      <c r="B94" s="25"/>
      <c r="C94" s="25"/>
      <c r="D94" s="25"/>
      <c r="E94" s="25"/>
      <c r="F94" s="25"/>
      <c r="G94" s="25"/>
      <c r="H94" s="25"/>
      <c r="I94" s="25"/>
      <c r="J94" s="25"/>
    </row>
    <row r="95" spans="1:10" s="25" customFormat="1" ht="14.25" customHeight="1" x14ac:dyDescent="0.2">
      <c r="A95" s="25" t="s">
        <v>151</v>
      </c>
      <c r="G95" s="25" t="s">
        <v>118</v>
      </c>
    </row>
    <row r="96" spans="1:10" s="25" customFormat="1" ht="14.25" customHeight="1" x14ac:dyDescent="0.2">
      <c r="G96" s="25" t="s">
        <v>90</v>
      </c>
    </row>
    <row r="97" spans="1:10" s="27" customFormat="1" ht="14" x14ac:dyDescent="0.2">
      <c r="A97" s="25"/>
      <c r="B97" s="25"/>
      <c r="C97" s="25"/>
      <c r="D97" s="25"/>
      <c r="E97" s="25"/>
      <c r="F97" s="25"/>
      <c r="G97" s="25"/>
      <c r="H97" s="25"/>
      <c r="I97" s="25"/>
      <c r="J97" s="25"/>
    </row>
    <row r="98" spans="1:10" s="27" customFormat="1" ht="14" x14ac:dyDescent="0.2">
      <c r="A98" s="56" t="s">
        <v>152</v>
      </c>
      <c r="B98" s="56"/>
      <c r="C98" s="56"/>
      <c r="D98" s="56"/>
      <c r="E98" s="56"/>
      <c r="F98" s="25"/>
      <c r="G98" s="25" t="s">
        <v>29</v>
      </c>
      <c r="H98" s="25" t="s">
        <v>30</v>
      </c>
      <c r="I98" s="25"/>
      <c r="J98" s="25"/>
    </row>
    <row r="99" spans="1:10" s="27" customFormat="1" ht="14" x14ac:dyDescent="0.2">
      <c r="A99" s="25"/>
      <c r="B99" s="25"/>
      <c r="C99" s="25"/>
      <c r="D99" s="25"/>
      <c r="E99" s="25"/>
      <c r="F99" s="25"/>
      <c r="G99" s="25"/>
      <c r="H99" s="25"/>
      <c r="I99" s="25"/>
      <c r="J99" s="25"/>
    </row>
    <row r="100" spans="1:10" s="27" customFormat="1" ht="14" x14ac:dyDescent="0.2">
      <c r="A100" s="56" t="s">
        <v>153</v>
      </c>
      <c r="B100" s="56"/>
      <c r="C100" s="56"/>
      <c r="D100" s="56"/>
      <c r="E100" s="56"/>
      <c r="F100" s="25"/>
      <c r="G100" s="25" t="s">
        <v>29</v>
      </c>
      <c r="H100" s="25" t="s">
        <v>30</v>
      </c>
      <c r="I100" s="25"/>
      <c r="J100" s="25"/>
    </row>
    <row r="101" spans="1:10" s="27" customFormat="1" ht="14" x14ac:dyDescent="0.2">
      <c r="A101" s="25"/>
      <c r="B101" s="25"/>
      <c r="C101" s="25"/>
      <c r="D101" s="25"/>
      <c r="E101" s="25"/>
      <c r="F101" s="25"/>
      <c r="G101" s="25"/>
      <c r="H101" s="25"/>
      <c r="I101" s="25"/>
      <c r="J101" s="25"/>
    </row>
    <row r="102" spans="1:10" s="27" customFormat="1" ht="14" x14ac:dyDescent="0.2">
      <c r="A102" s="25" t="s">
        <v>154</v>
      </c>
      <c r="B102" s="25"/>
      <c r="C102" s="25"/>
      <c r="D102" s="25"/>
      <c r="E102" s="25"/>
      <c r="F102" s="25"/>
      <c r="G102" s="25" t="s">
        <v>155</v>
      </c>
      <c r="H102" s="25"/>
      <c r="I102" s="25"/>
      <c r="J102" s="25" t="s">
        <v>28</v>
      </c>
    </row>
    <row r="103" spans="1:10" s="23" customFormat="1" ht="14" x14ac:dyDescent="0.2">
      <c r="A103" s="5"/>
      <c r="B103" s="5"/>
      <c r="C103" s="5"/>
      <c r="D103" s="5"/>
      <c r="E103" s="5"/>
      <c r="F103" s="5"/>
      <c r="G103" s="8"/>
      <c r="H103" s="8"/>
      <c r="I103" s="5"/>
      <c r="J103" s="5"/>
    </row>
    <row r="104" spans="1:10" s="24" customFormat="1" ht="14" x14ac:dyDescent="0.2">
      <c r="A104" s="5" t="s">
        <v>139</v>
      </c>
      <c r="B104" s="5"/>
      <c r="C104" s="5"/>
      <c r="D104" s="5"/>
      <c r="E104" s="5"/>
      <c r="F104" s="5"/>
      <c r="G104" s="8" t="s">
        <v>31</v>
      </c>
      <c r="H104" s="5"/>
      <c r="I104" s="5"/>
      <c r="J104" s="5" t="s">
        <v>28</v>
      </c>
    </row>
    <row r="105" spans="1:10" s="27" customFormat="1" ht="14" x14ac:dyDescent="0.2">
      <c r="A105" s="25"/>
      <c r="B105" s="25"/>
      <c r="C105" s="25"/>
      <c r="D105" s="25"/>
      <c r="E105" s="25"/>
      <c r="F105" s="25"/>
      <c r="G105" s="25"/>
      <c r="H105" s="25"/>
      <c r="I105" s="25"/>
      <c r="J105" s="25"/>
    </row>
    <row r="106" spans="1:10" s="26" customFormat="1" ht="14" x14ac:dyDescent="0.2">
      <c r="A106" s="25" t="s">
        <v>156</v>
      </c>
      <c r="B106" s="25"/>
      <c r="C106" s="25"/>
      <c r="D106" s="25"/>
      <c r="E106" s="25"/>
      <c r="F106" s="25"/>
      <c r="G106" s="25" t="s">
        <v>29</v>
      </c>
      <c r="H106" s="25" t="s">
        <v>30</v>
      </c>
      <c r="I106" s="25"/>
      <c r="J106" s="25"/>
    </row>
    <row r="107" spans="1:10" s="23" customFormat="1" ht="14" x14ac:dyDescent="0.2">
      <c r="A107" s="5"/>
      <c r="B107" s="5"/>
      <c r="C107" s="5"/>
      <c r="D107" s="5"/>
      <c r="E107" s="5"/>
      <c r="F107" s="8"/>
      <c r="G107" s="8"/>
      <c r="H107" s="8"/>
      <c r="I107" s="5"/>
      <c r="J107" s="5"/>
    </row>
    <row r="108" spans="1:10" s="5" customFormat="1" ht="14.25" customHeight="1" x14ac:dyDescent="0.2">
      <c r="A108" s="5" t="s">
        <v>157</v>
      </c>
      <c r="G108" s="5" t="s">
        <v>27</v>
      </c>
      <c r="H108" s="5" t="s">
        <v>28</v>
      </c>
    </row>
    <row r="109" spans="1:10" s="27" customFormat="1" ht="14" x14ac:dyDescent="0.2">
      <c r="A109" s="25"/>
      <c r="B109" s="25"/>
      <c r="C109" s="25"/>
      <c r="D109" s="25"/>
      <c r="E109" s="25"/>
      <c r="F109" s="25"/>
      <c r="G109" s="25"/>
      <c r="H109" s="25"/>
      <c r="I109" s="25"/>
      <c r="J109" s="25"/>
    </row>
    <row r="110" spans="1:10" s="24" customFormat="1" ht="14" x14ac:dyDescent="0.2">
      <c r="A110" s="55" t="s">
        <v>140</v>
      </c>
      <c r="B110" s="55"/>
      <c r="C110" s="55"/>
      <c r="D110" s="55"/>
      <c r="E110" s="55"/>
      <c r="F110" s="8"/>
      <c r="G110" s="8" t="s">
        <v>162</v>
      </c>
      <c r="H110" s="8"/>
      <c r="I110" s="8"/>
      <c r="J110" s="8" t="s">
        <v>30</v>
      </c>
    </row>
    <row r="111" spans="1:10" s="27" customFormat="1" ht="14" x14ac:dyDescent="0.2">
      <c r="A111" s="25"/>
      <c r="B111" s="25"/>
      <c r="C111" s="25"/>
      <c r="D111" s="25"/>
      <c r="E111" s="25"/>
      <c r="F111" s="25"/>
      <c r="G111" s="25"/>
      <c r="H111" s="25"/>
      <c r="I111" s="25"/>
      <c r="J111" s="25"/>
    </row>
    <row r="112" spans="1:10" s="27" customFormat="1" ht="14" x14ac:dyDescent="0.2">
      <c r="A112" s="25"/>
      <c r="B112" s="25"/>
      <c r="C112" s="25"/>
      <c r="D112" s="25"/>
      <c r="E112" s="25"/>
      <c r="F112" s="25"/>
      <c r="G112" s="25"/>
      <c r="H112" s="25"/>
      <c r="I112" s="25"/>
      <c r="J112" s="25"/>
    </row>
    <row r="113" spans="1:10" s="27" customFormat="1" ht="14" x14ac:dyDescent="0.2">
      <c r="A113" s="30" t="s">
        <v>110</v>
      </c>
      <c r="B113" s="25"/>
      <c r="C113" s="25"/>
      <c r="D113" s="25"/>
      <c r="E113" s="25"/>
      <c r="F113" s="25"/>
      <c r="G113" s="25"/>
      <c r="H113" s="25"/>
      <c r="I113" s="25"/>
      <c r="J113" s="25"/>
    </row>
    <row r="114" spans="1:10" s="27" customFormat="1" ht="14" x14ac:dyDescent="0.2">
      <c r="A114" s="30"/>
      <c r="B114" s="25"/>
      <c r="C114" s="25"/>
      <c r="D114" s="25"/>
      <c r="E114" s="25"/>
      <c r="F114" s="25"/>
      <c r="G114" s="25"/>
      <c r="H114" s="25"/>
      <c r="I114" s="25"/>
      <c r="J114" s="25"/>
    </row>
    <row r="115" spans="1:10" s="25" customFormat="1" ht="14.25" customHeight="1" x14ac:dyDescent="0.2">
      <c r="A115" s="25" t="s">
        <v>32</v>
      </c>
      <c r="G115" s="25" t="s">
        <v>29</v>
      </c>
      <c r="H115" s="25" t="s">
        <v>30</v>
      </c>
    </row>
    <row r="116" spans="1:10" s="25" customFormat="1" ht="14.25" customHeight="1" x14ac:dyDescent="0.2">
      <c r="A116" s="25" t="s">
        <v>33</v>
      </c>
    </row>
    <row r="117" spans="1:10" s="26" customFormat="1" ht="14.25" customHeight="1" x14ac:dyDescent="0.2"/>
    <row r="118" spans="1:10" s="27" customFormat="1" ht="14" x14ac:dyDescent="0.2">
      <c r="A118" s="25" t="s">
        <v>76</v>
      </c>
      <c r="B118" s="25"/>
      <c r="C118" s="25"/>
      <c r="D118" s="25"/>
      <c r="E118" s="25"/>
      <c r="F118" s="25"/>
      <c r="G118" s="25" t="s">
        <v>29</v>
      </c>
      <c r="H118" s="25" t="s">
        <v>30</v>
      </c>
      <c r="I118" s="25"/>
      <c r="J118" s="25"/>
    </row>
    <row r="119" spans="1:10" s="27" customFormat="1" ht="14" x14ac:dyDescent="0.2">
      <c r="A119" s="25" t="s">
        <v>77</v>
      </c>
      <c r="B119" s="25"/>
      <c r="C119" s="25"/>
      <c r="D119" s="25"/>
      <c r="E119" s="25"/>
      <c r="F119" s="25"/>
      <c r="G119" s="25"/>
      <c r="H119" s="25"/>
      <c r="I119" s="25"/>
      <c r="J119" s="25"/>
    </row>
    <row r="120" spans="1:10" s="27" customFormat="1" ht="14" x14ac:dyDescent="0.2">
      <c r="A120" s="25"/>
      <c r="B120" s="25"/>
      <c r="C120" s="25"/>
      <c r="D120" s="25"/>
      <c r="E120" s="25"/>
      <c r="F120" s="25"/>
      <c r="G120" s="25"/>
      <c r="H120" s="25"/>
      <c r="I120" s="25"/>
      <c r="J120" s="25"/>
    </row>
    <row r="121" spans="1:10" s="27" customFormat="1" ht="14" x14ac:dyDescent="0.2">
      <c r="A121" s="25" t="s">
        <v>119</v>
      </c>
      <c r="B121" s="25"/>
      <c r="C121" s="25"/>
      <c r="D121" s="25"/>
      <c r="E121" s="25"/>
      <c r="F121" s="25"/>
      <c r="G121" s="25" t="s">
        <v>29</v>
      </c>
      <c r="H121" s="25" t="s">
        <v>30</v>
      </c>
      <c r="I121" s="25"/>
      <c r="J121" s="25"/>
    </row>
    <row r="122" spans="1:10" s="27" customFormat="1" ht="14" x14ac:dyDescent="0.2">
      <c r="A122" s="25" t="s">
        <v>120</v>
      </c>
      <c r="B122" s="25"/>
      <c r="C122" s="25"/>
      <c r="D122" s="25"/>
      <c r="E122" s="25"/>
      <c r="F122" s="25"/>
      <c r="G122" s="25"/>
      <c r="H122" s="25"/>
      <c r="I122" s="25"/>
      <c r="J122" s="25"/>
    </row>
    <row r="123" spans="1:10" s="27" customFormat="1" ht="14" x14ac:dyDescent="0.2">
      <c r="A123" s="25"/>
      <c r="B123" s="25"/>
      <c r="C123" s="25"/>
      <c r="D123" s="25"/>
      <c r="E123" s="25"/>
      <c r="F123" s="25"/>
      <c r="G123" s="25"/>
      <c r="H123" s="25"/>
      <c r="I123" s="25"/>
      <c r="J123" s="25"/>
    </row>
    <row r="124" spans="1:10" s="27" customFormat="1" ht="14" x14ac:dyDescent="0.2">
      <c r="A124" s="25" t="s">
        <v>121</v>
      </c>
      <c r="B124" s="25"/>
      <c r="C124" s="25"/>
      <c r="D124" s="25"/>
      <c r="E124" s="25"/>
      <c r="F124" s="25"/>
      <c r="G124" s="25" t="s">
        <v>29</v>
      </c>
      <c r="H124" s="25" t="s">
        <v>30</v>
      </c>
      <c r="I124" s="25"/>
      <c r="J124" s="25"/>
    </row>
    <row r="125" spans="1:10" s="27" customFormat="1" ht="14" x14ac:dyDescent="0.2">
      <c r="A125" s="25" t="s">
        <v>34</v>
      </c>
      <c r="B125" s="25"/>
      <c r="C125" s="25"/>
      <c r="D125" s="25"/>
      <c r="E125" s="25"/>
      <c r="F125" s="25"/>
      <c r="G125" s="25"/>
      <c r="H125" s="25"/>
      <c r="I125" s="25"/>
      <c r="J125" s="25"/>
    </row>
    <row r="126" spans="1:10" s="27" customFormat="1" ht="14" x14ac:dyDescent="0.2">
      <c r="A126" s="25"/>
      <c r="B126" s="25"/>
      <c r="C126" s="25"/>
      <c r="D126" s="25"/>
      <c r="E126" s="25"/>
      <c r="F126" s="25"/>
      <c r="G126" s="25"/>
      <c r="H126" s="25"/>
      <c r="I126" s="25"/>
      <c r="J126" s="25"/>
    </row>
    <row r="127" spans="1:10" s="27" customFormat="1" ht="14" x14ac:dyDescent="0.2">
      <c r="A127" s="25" t="s">
        <v>122</v>
      </c>
      <c r="B127" s="25"/>
      <c r="C127" s="25"/>
      <c r="D127" s="25"/>
      <c r="E127" s="25"/>
      <c r="F127" s="25"/>
      <c r="G127" s="25" t="s">
        <v>29</v>
      </c>
      <c r="H127" s="25" t="s">
        <v>30</v>
      </c>
      <c r="I127" s="25"/>
      <c r="J127" s="25"/>
    </row>
    <row r="128" spans="1:10" s="27" customFormat="1" ht="14" x14ac:dyDescent="0.2">
      <c r="A128" s="25"/>
      <c r="B128" s="25"/>
      <c r="C128" s="25"/>
      <c r="D128" s="25"/>
      <c r="E128" s="25"/>
      <c r="F128" s="25"/>
      <c r="G128" s="25"/>
      <c r="H128" s="25"/>
      <c r="I128" s="25"/>
      <c r="J128" s="25"/>
    </row>
    <row r="129" spans="1:10" s="25" customFormat="1" ht="14.25" customHeight="1" x14ac:dyDescent="0.2">
      <c r="A129" s="25" t="s">
        <v>123</v>
      </c>
      <c r="G129" s="25" t="s">
        <v>29</v>
      </c>
      <c r="H129" s="25" t="s">
        <v>30</v>
      </c>
    </row>
    <row r="130" spans="1:10" s="27" customFormat="1" ht="14" x14ac:dyDescent="0.2">
      <c r="A130" s="25"/>
      <c r="B130" s="25"/>
      <c r="C130" s="25"/>
      <c r="D130" s="25"/>
      <c r="E130" s="25"/>
      <c r="F130" s="25"/>
      <c r="G130" s="29"/>
      <c r="H130" s="25"/>
      <c r="I130" s="25"/>
      <c r="J130" s="25"/>
    </row>
    <row r="131" spans="1:10" s="26" customFormat="1" ht="14.25" customHeight="1" x14ac:dyDescent="0.2">
      <c r="A131" s="26" t="s">
        <v>158</v>
      </c>
      <c r="G131" s="26" t="s">
        <v>29</v>
      </c>
      <c r="H131" s="26" t="s">
        <v>30</v>
      </c>
    </row>
    <row r="132" spans="1:10" s="26" customFormat="1" ht="14.25" customHeight="1" x14ac:dyDescent="0.2">
      <c r="A132" s="26" t="s">
        <v>124</v>
      </c>
    </row>
    <row r="133" spans="1:10" s="27" customFormat="1" ht="14" x14ac:dyDescent="0.2">
      <c r="A133" s="25"/>
      <c r="B133" s="25"/>
      <c r="C133" s="25"/>
      <c r="D133" s="25"/>
      <c r="E133" s="25"/>
      <c r="F133" s="25"/>
      <c r="G133" s="29"/>
      <c r="H133" s="25"/>
      <c r="I133" s="25"/>
      <c r="J133" s="25"/>
    </row>
    <row r="134" spans="1:10" s="26" customFormat="1" ht="14.25" customHeight="1" x14ac:dyDescent="0.2">
      <c r="A134" s="26" t="s">
        <v>159</v>
      </c>
      <c r="G134" s="26" t="s">
        <v>29</v>
      </c>
      <c r="H134" s="26" t="s">
        <v>30</v>
      </c>
    </row>
    <row r="135" spans="1:10" s="27" customFormat="1" ht="14" x14ac:dyDescent="0.2">
      <c r="A135" s="25"/>
      <c r="B135" s="25"/>
      <c r="C135" s="25"/>
      <c r="D135" s="25"/>
      <c r="E135" s="25"/>
      <c r="F135" s="25"/>
      <c r="G135" s="25"/>
      <c r="H135" s="25"/>
      <c r="I135" s="25"/>
      <c r="J135" s="25"/>
    </row>
    <row r="136" spans="1:10" s="25" customFormat="1" ht="14.25" customHeight="1" x14ac:dyDescent="0.2">
      <c r="A136" s="25" t="s">
        <v>163</v>
      </c>
      <c r="G136" s="25" t="s">
        <v>29</v>
      </c>
      <c r="H136" s="25" t="s">
        <v>30</v>
      </c>
    </row>
    <row r="137" spans="1:10" s="9" customFormat="1" ht="16.5" customHeight="1" x14ac:dyDescent="0.2">
      <c r="J137" s="12"/>
    </row>
    <row r="138" spans="1:10" s="9" customFormat="1" ht="14" x14ac:dyDescent="0.2">
      <c r="A138" s="9" t="s">
        <v>164</v>
      </c>
      <c r="G138" s="12" t="s">
        <v>29</v>
      </c>
      <c r="H138" s="12" t="s">
        <v>30</v>
      </c>
    </row>
    <row r="139" spans="1:10" s="9" customFormat="1" ht="14" x14ac:dyDescent="0.2">
      <c r="G139" s="12"/>
      <c r="H139" s="12"/>
    </row>
    <row r="140" spans="1:10" s="9" customFormat="1" ht="14" x14ac:dyDescent="0.2">
      <c r="A140" s="9" t="s">
        <v>165</v>
      </c>
      <c r="G140" s="12" t="s">
        <v>29</v>
      </c>
      <c r="H140" s="12" t="s">
        <v>30</v>
      </c>
    </row>
    <row r="141" spans="1:10" s="9" customFormat="1" ht="14" x14ac:dyDescent="0.2">
      <c r="G141" s="12"/>
      <c r="H141" s="12"/>
    </row>
    <row r="142" spans="1:10" s="9" customFormat="1" ht="14" x14ac:dyDescent="0.2">
      <c r="A142" s="9" t="s">
        <v>166</v>
      </c>
      <c r="G142" s="12" t="s">
        <v>29</v>
      </c>
      <c r="H142" s="12" t="s">
        <v>30</v>
      </c>
    </row>
    <row r="143" spans="1:10" s="26" customFormat="1" ht="14.25" customHeight="1" x14ac:dyDescent="0.2"/>
    <row r="144" spans="1:10" s="5" customFormat="1" ht="14.25" customHeight="1" x14ac:dyDescent="0.2">
      <c r="A144" s="5" t="s">
        <v>167</v>
      </c>
      <c r="G144" s="8"/>
      <c r="H144" s="8"/>
    </row>
    <row r="145" spans="1:8" s="5" customFormat="1" ht="14.25" customHeight="1" x14ac:dyDescent="0.2">
      <c r="A145" s="5" t="s">
        <v>35</v>
      </c>
      <c r="G145" s="8"/>
      <c r="H145" s="8"/>
    </row>
    <row r="146" spans="1:8" s="5" customFormat="1" ht="14.25" customHeight="1" x14ac:dyDescent="0.2">
      <c r="G146" s="8"/>
      <c r="H146" s="8"/>
    </row>
    <row r="147" spans="1:8" s="5" customFormat="1" ht="14.25" customHeight="1" x14ac:dyDescent="0.2">
      <c r="A147" s="5" t="s">
        <v>117</v>
      </c>
      <c r="G147" s="8"/>
      <c r="H147" s="8"/>
    </row>
    <row r="148" spans="1:8" s="5" customFormat="1" ht="14.25" customHeight="1" x14ac:dyDescent="0.2">
      <c r="G148" s="8"/>
      <c r="H148" s="8"/>
    </row>
    <row r="149" spans="1:8" s="5" customFormat="1" ht="14.25" customHeight="1" x14ac:dyDescent="0.2">
      <c r="B149" s="31" t="s">
        <v>36</v>
      </c>
      <c r="C149" s="31" t="s">
        <v>36</v>
      </c>
      <c r="D149" s="31" t="s">
        <v>36</v>
      </c>
      <c r="E149" s="31" t="s">
        <v>36</v>
      </c>
      <c r="F149" s="31" t="s">
        <v>36</v>
      </c>
      <c r="G149" s="31" t="s">
        <v>36</v>
      </c>
      <c r="H149" s="8"/>
    </row>
    <row r="150" spans="1:8" s="5" customFormat="1" ht="14.25" customHeight="1" x14ac:dyDescent="0.2">
      <c r="B150" s="31" t="s">
        <v>37</v>
      </c>
      <c r="C150" s="31" t="s">
        <v>37</v>
      </c>
      <c r="D150" s="31" t="s">
        <v>37</v>
      </c>
      <c r="E150" s="31" t="s">
        <v>37</v>
      </c>
      <c r="F150" s="31" t="s">
        <v>37</v>
      </c>
      <c r="G150" s="31" t="s">
        <v>37</v>
      </c>
      <c r="H150" s="8"/>
    </row>
    <row r="151" spans="1:8" s="5" customFormat="1" ht="14.25" customHeight="1" x14ac:dyDescent="0.2">
      <c r="B151" s="31" t="s">
        <v>36</v>
      </c>
      <c r="C151" s="31" t="s">
        <v>36</v>
      </c>
      <c r="D151" s="31" t="s">
        <v>36</v>
      </c>
      <c r="E151" s="31" t="s">
        <v>36</v>
      </c>
      <c r="F151" s="31" t="s">
        <v>36</v>
      </c>
      <c r="G151" s="31" t="s">
        <v>36</v>
      </c>
      <c r="H151" s="8"/>
    </row>
    <row r="152" spans="1:8" s="5" customFormat="1" ht="14.25" customHeight="1" x14ac:dyDescent="0.2">
      <c r="B152" s="31" t="s">
        <v>37</v>
      </c>
      <c r="C152" s="31" t="s">
        <v>37</v>
      </c>
      <c r="D152" s="31" t="s">
        <v>37</v>
      </c>
      <c r="E152" s="31" t="s">
        <v>37</v>
      </c>
      <c r="F152" s="31" t="s">
        <v>37</v>
      </c>
      <c r="G152" s="31" t="s">
        <v>37</v>
      </c>
      <c r="H152" s="8"/>
    </row>
    <row r="153" spans="1:8" s="5" customFormat="1" ht="14.25" customHeight="1" x14ac:dyDescent="0.2">
      <c r="B153" s="15"/>
      <c r="C153" s="15"/>
      <c r="D153" s="15"/>
      <c r="E153" s="15"/>
      <c r="F153" s="15"/>
      <c r="G153" s="15"/>
      <c r="H153" s="8"/>
    </row>
    <row r="154" spans="1:8" s="5" customFormat="1" ht="14.25" customHeight="1" x14ac:dyDescent="0.2">
      <c r="B154" s="15"/>
      <c r="C154" s="15"/>
      <c r="D154" s="15"/>
      <c r="E154" s="15"/>
      <c r="F154" s="15"/>
      <c r="G154" s="15"/>
      <c r="H154" s="8"/>
    </row>
    <row r="155" spans="1:8" s="5" customFormat="1" ht="14.25" customHeight="1" x14ac:dyDescent="0.2">
      <c r="A155" s="5" t="s">
        <v>168</v>
      </c>
      <c r="G155" s="8"/>
      <c r="H155" s="8"/>
    </row>
    <row r="156" spans="1:8" s="5" customFormat="1" ht="14.25" customHeight="1" x14ac:dyDescent="0.2">
      <c r="A156" s="55" t="s">
        <v>38</v>
      </c>
      <c r="B156" s="55"/>
      <c r="C156" s="55"/>
      <c r="D156" s="55"/>
      <c r="E156" s="55"/>
      <c r="F156" s="55"/>
      <c r="G156" s="55"/>
      <c r="H156" s="55"/>
    </row>
    <row r="157" spans="1:8" s="5" customFormat="1" ht="14.25" customHeight="1" x14ac:dyDescent="0.2"/>
    <row r="158" spans="1:8" s="5" customFormat="1" ht="14.25" customHeight="1" x14ac:dyDescent="0.2">
      <c r="A158" s="5" t="s">
        <v>117</v>
      </c>
      <c r="G158" s="8"/>
      <c r="H158" s="8"/>
    </row>
    <row r="159" spans="1:8" s="5" customFormat="1" ht="14.25" customHeight="1" x14ac:dyDescent="0.2">
      <c r="G159" s="8"/>
      <c r="H159" s="8"/>
    </row>
    <row r="160" spans="1:8" s="5" customFormat="1" ht="14.25" customHeight="1" x14ac:dyDescent="0.2">
      <c r="B160" s="32" t="s">
        <v>39</v>
      </c>
      <c r="C160" s="32" t="s">
        <v>39</v>
      </c>
      <c r="D160" s="32" t="s">
        <v>39</v>
      </c>
      <c r="E160" s="32" t="s">
        <v>39</v>
      </c>
      <c r="F160" s="32" t="s">
        <v>39</v>
      </c>
      <c r="G160" s="32" t="s">
        <v>39</v>
      </c>
    </row>
    <row r="161" spans="1:8" s="5" customFormat="1" ht="14.25" customHeight="1" x14ac:dyDescent="0.2">
      <c r="B161" s="33" t="s">
        <v>40</v>
      </c>
      <c r="C161" s="33" t="s">
        <v>40</v>
      </c>
      <c r="D161" s="33" t="s">
        <v>40</v>
      </c>
      <c r="E161" s="33" t="s">
        <v>40</v>
      </c>
      <c r="F161" s="33" t="s">
        <v>40</v>
      </c>
      <c r="G161" s="33" t="s">
        <v>40</v>
      </c>
    </row>
    <row r="162" spans="1:8" s="5" customFormat="1" ht="14.25" customHeight="1" x14ac:dyDescent="0.2">
      <c r="B162" s="33" t="s">
        <v>41</v>
      </c>
      <c r="C162" s="33" t="s">
        <v>41</v>
      </c>
      <c r="D162" s="33" t="s">
        <v>41</v>
      </c>
      <c r="E162" s="33" t="s">
        <v>41</v>
      </c>
      <c r="F162" s="33" t="s">
        <v>41</v>
      </c>
      <c r="G162" s="33" t="s">
        <v>41</v>
      </c>
    </row>
    <row r="163" spans="1:8" s="5" customFormat="1" ht="14.25" customHeight="1" x14ac:dyDescent="0.2">
      <c r="B163" s="32" t="s">
        <v>39</v>
      </c>
      <c r="C163" s="32" t="s">
        <v>39</v>
      </c>
      <c r="D163" s="32" t="s">
        <v>39</v>
      </c>
      <c r="E163" s="32" t="s">
        <v>39</v>
      </c>
      <c r="F163" s="32" t="s">
        <v>39</v>
      </c>
      <c r="G163" s="32" t="s">
        <v>39</v>
      </c>
    </row>
    <row r="164" spans="1:8" s="5" customFormat="1" ht="14.25" customHeight="1" x14ac:dyDescent="0.2">
      <c r="B164" s="33" t="s">
        <v>40</v>
      </c>
      <c r="C164" s="33" t="s">
        <v>40</v>
      </c>
      <c r="D164" s="33" t="s">
        <v>40</v>
      </c>
      <c r="E164" s="33" t="s">
        <v>40</v>
      </c>
      <c r="F164" s="33" t="s">
        <v>40</v>
      </c>
      <c r="G164" s="33" t="s">
        <v>40</v>
      </c>
    </row>
    <row r="165" spans="1:8" s="5" customFormat="1" ht="14.25" customHeight="1" x14ac:dyDescent="0.2">
      <c r="B165" s="33" t="s">
        <v>41</v>
      </c>
      <c r="C165" s="33" t="s">
        <v>41</v>
      </c>
      <c r="D165" s="33" t="s">
        <v>41</v>
      </c>
      <c r="E165" s="33" t="s">
        <v>41</v>
      </c>
      <c r="F165" s="33" t="s">
        <v>41</v>
      </c>
      <c r="G165" s="33" t="s">
        <v>41</v>
      </c>
    </row>
    <row r="166" spans="1:8" s="5" customFormat="1" ht="14.25" customHeight="1" x14ac:dyDescent="0.2">
      <c r="B166" s="17"/>
      <c r="C166" s="17"/>
      <c r="D166" s="17"/>
      <c r="E166" s="17"/>
      <c r="F166" s="17"/>
      <c r="G166" s="17"/>
    </row>
    <row r="167" spans="1:8" s="5" customFormat="1" ht="14.25" customHeight="1" x14ac:dyDescent="0.2">
      <c r="B167" s="17"/>
      <c r="C167" s="17"/>
      <c r="D167" s="17"/>
      <c r="E167" s="17"/>
      <c r="F167" s="17"/>
      <c r="G167" s="17"/>
    </row>
    <row r="168" spans="1:8" s="5" customFormat="1" ht="14.25" customHeight="1" x14ac:dyDescent="0.2">
      <c r="A168" s="5" t="s">
        <v>132</v>
      </c>
    </row>
    <row r="169" spans="1:8" s="5" customFormat="1" ht="14.25" customHeight="1" x14ac:dyDescent="0.2"/>
    <row r="170" spans="1:8" s="5" customFormat="1" ht="14.25" customHeight="1" x14ac:dyDescent="0.2">
      <c r="G170" s="7"/>
      <c r="H170" s="5" t="s">
        <v>42</v>
      </c>
    </row>
    <row r="171" spans="1:8" s="5" customFormat="1" ht="14.25" customHeight="1" x14ac:dyDescent="0.2"/>
    <row r="172" spans="1:8" s="5" customFormat="1" ht="14.25" customHeight="1" x14ac:dyDescent="0.2">
      <c r="G172" s="7"/>
      <c r="H172" s="5" t="s">
        <v>42</v>
      </c>
    </row>
    <row r="173" spans="1:8" s="5" customFormat="1" ht="14.25" customHeight="1" x14ac:dyDescent="0.2"/>
    <row r="174" spans="1:8" s="5" customFormat="1" ht="14.25" customHeight="1" x14ac:dyDescent="0.2"/>
    <row r="175" spans="1:8" s="5" customFormat="1" ht="14.25" customHeight="1" x14ac:dyDescent="0.2">
      <c r="A175" s="5" t="s">
        <v>133</v>
      </c>
    </row>
    <row r="176" spans="1:8" s="5" customFormat="1" ht="14.25" customHeight="1" x14ac:dyDescent="0.2">
      <c r="A176" s="5" t="s">
        <v>43</v>
      </c>
    </row>
    <row r="177" spans="1:9" s="5" customFormat="1" ht="14.25" customHeight="1" x14ac:dyDescent="0.2">
      <c r="A177" s="5" t="s">
        <v>24</v>
      </c>
    </row>
    <row r="178" spans="1:9" s="5" customFormat="1" ht="14.25" customHeight="1" x14ac:dyDescent="0.2"/>
    <row r="179" spans="1:9" s="5" customFormat="1" ht="14.25" customHeight="1" x14ac:dyDescent="0.2">
      <c r="E179" s="5" t="s">
        <v>44</v>
      </c>
      <c r="G179" s="8" t="s">
        <v>45</v>
      </c>
    </row>
    <row r="180" spans="1:9" s="5" customFormat="1" ht="14.25" customHeight="1" x14ac:dyDescent="0.2"/>
    <row r="181" spans="1:9" s="5" customFormat="1" ht="14.25" customHeight="1" x14ac:dyDescent="0.2">
      <c r="A181" s="5" t="s">
        <v>78</v>
      </c>
    </row>
    <row r="182" spans="1:9" s="5" customFormat="1" ht="14.25" customHeight="1" x14ac:dyDescent="0.2">
      <c r="A182" s="34" t="s">
        <v>79</v>
      </c>
    </row>
    <row r="183" spans="1:9" s="5" customFormat="1" ht="14.25" customHeight="1" x14ac:dyDescent="0.2">
      <c r="A183" s="5" t="s">
        <v>80</v>
      </c>
      <c r="B183" s="8"/>
      <c r="D183" s="8"/>
    </row>
    <row r="184" spans="1:9" s="5" customFormat="1" ht="14.25" customHeight="1" x14ac:dyDescent="0.2"/>
    <row r="185" spans="1:9" s="5" customFormat="1" ht="14.25" customHeight="1" x14ac:dyDescent="0.2">
      <c r="B185" s="49" t="s">
        <v>46</v>
      </c>
      <c r="C185" s="50"/>
      <c r="D185" s="50"/>
      <c r="E185" s="51"/>
      <c r="F185" s="35" t="s">
        <v>47</v>
      </c>
      <c r="G185" s="49" t="s">
        <v>48</v>
      </c>
      <c r="H185" s="50"/>
      <c r="I185" s="51"/>
    </row>
    <row r="186" spans="1:9" s="5" customFormat="1" ht="14.25" customHeight="1" x14ac:dyDescent="0.2">
      <c r="B186" s="52" t="s">
        <v>49</v>
      </c>
      <c r="C186" s="36" t="s">
        <v>50</v>
      </c>
      <c r="D186" s="37"/>
      <c r="E186" s="38"/>
      <c r="F186" s="39" t="s">
        <v>51</v>
      </c>
      <c r="G186" s="36" t="s">
        <v>52</v>
      </c>
      <c r="H186" s="37"/>
      <c r="I186" s="38"/>
    </row>
    <row r="187" spans="1:9" s="5" customFormat="1" ht="14.25" customHeight="1" x14ac:dyDescent="0.2">
      <c r="B187" s="53"/>
      <c r="C187" s="36" t="s">
        <v>53</v>
      </c>
      <c r="D187" s="37"/>
      <c r="E187" s="38"/>
      <c r="F187" s="39" t="s">
        <v>51</v>
      </c>
      <c r="G187" s="36" t="s">
        <v>52</v>
      </c>
      <c r="H187" s="37"/>
      <c r="I187" s="38"/>
    </row>
    <row r="188" spans="1:9" s="5" customFormat="1" ht="14.25" customHeight="1" x14ac:dyDescent="0.2">
      <c r="B188" s="53"/>
      <c r="C188" s="60" t="s">
        <v>54</v>
      </c>
      <c r="D188" s="61"/>
      <c r="E188" s="62"/>
      <c r="F188" s="39" t="s">
        <v>51</v>
      </c>
      <c r="G188" s="36" t="s">
        <v>55</v>
      </c>
      <c r="H188" s="37"/>
      <c r="I188" s="38"/>
    </row>
    <row r="189" spans="1:9" s="5" customFormat="1" ht="14.25" customHeight="1" x14ac:dyDescent="0.2">
      <c r="B189" s="54"/>
      <c r="C189" s="60" t="s">
        <v>56</v>
      </c>
      <c r="D189" s="61"/>
      <c r="E189" s="62"/>
      <c r="F189" s="39" t="s">
        <v>51</v>
      </c>
      <c r="G189" s="36" t="s">
        <v>52</v>
      </c>
      <c r="H189" s="37"/>
      <c r="I189" s="38"/>
    </row>
    <row r="190" spans="1:9" s="5" customFormat="1" ht="14.25" customHeight="1" x14ac:dyDescent="0.2">
      <c r="B190" s="63" t="s">
        <v>57</v>
      </c>
      <c r="C190" s="40" t="s">
        <v>58</v>
      </c>
      <c r="D190" s="41"/>
      <c r="E190" s="42"/>
      <c r="F190" s="39" t="s">
        <v>51</v>
      </c>
      <c r="G190" s="36" t="s">
        <v>52</v>
      </c>
      <c r="H190" s="37"/>
      <c r="I190" s="38"/>
    </row>
    <row r="191" spans="1:9" s="5" customFormat="1" ht="14.25" customHeight="1" x14ac:dyDescent="0.2">
      <c r="B191" s="64"/>
      <c r="C191" s="40" t="s">
        <v>59</v>
      </c>
      <c r="D191" s="41"/>
      <c r="E191" s="42"/>
      <c r="F191" s="39" t="s">
        <v>51</v>
      </c>
      <c r="G191" s="36" t="s">
        <v>52</v>
      </c>
      <c r="H191" s="37"/>
      <c r="I191" s="38"/>
    </row>
    <row r="192" spans="1:9" s="5" customFormat="1" ht="14.25" customHeight="1" x14ac:dyDescent="0.2">
      <c r="B192" s="64"/>
      <c r="C192" s="40" t="s">
        <v>60</v>
      </c>
      <c r="D192" s="41"/>
      <c r="E192" s="42"/>
      <c r="F192" s="39" t="s">
        <v>51</v>
      </c>
      <c r="G192" s="36" t="s">
        <v>61</v>
      </c>
      <c r="H192" s="37"/>
      <c r="I192" s="38"/>
    </row>
    <row r="193" spans="1:9" s="5" customFormat="1" ht="14.25" customHeight="1" x14ac:dyDescent="0.2">
      <c r="B193" s="64"/>
      <c r="C193" s="40" t="s">
        <v>62</v>
      </c>
      <c r="D193" s="41"/>
      <c r="E193" s="42"/>
      <c r="F193" s="39" t="s">
        <v>51</v>
      </c>
      <c r="G193" s="36" t="s">
        <v>61</v>
      </c>
      <c r="H193" s="37"/>
      <c r="I193" s="38"/>
    </row>
    <row r="194" spans="1:9" s="5" customFormat="1" ht="14.25" customHeight="1" x14ac:dyDescent="0.2">
      <c r="B194" s="64"/>
      <c r="C194" s="40" t="s">
        <v>63</v>
      </c>
      <c r="D194" s="41"/>
      <c r="E194" s="42"/>
      <c r="F194" s="39" t="s">
        <v>51</v>
      </c>
      <c r="G194" s="36" t="s">
        <v>61</v>
      </c>
      <c r="H194" s="37"/>
      <c r="I194" s="38"/>
    </row>
    <row r="195" spans="1:9" s="5" customFormat="1" ht="14.25" customHeight="1" x14ac:dyDescent="0.2">
      <c r="B195" s="64"/>
      <c r="C195" s="40" t="s">
        <v>64</v>
      </c>
      <c r="D195" s="41"/>
      <c r="E195" s="42"/>
      <c r="F195" s="39" t="s">
        <v>51</v>
      </c>
      <c r="G195" s="36" t="s">
        <v>61</v>
      </c>
      <c r="H195" s="37"/>
      <c r="I195" s="38"/>
    </row>
    <row r="196" spans="1:9" s="5" customFormat="1" ht="14.25" customHeight="1" x14ac:dyDescent="0.2">
      <c r="B196" s="64"/>
      <c r="C196" s="40" t="s">
        <v>65</v>
      </c>
      <c r="D196" s="41"/>
      <c r="E196" s="42"/>
      <c r="F196" s="39" t="s">
        <v>51</v>
      </c>
      <c r="G196" s="36" t="s">
        <v>61</v>
      </c>
      <c r="H196" s="37"/>
      <c r="I196" s="38"/>
    </row>
    <row r="197" spans="1:9" s="5" customFormat="1" ht="14.25" customHeight="1" x14ac:dyDescent="0.2">
      <c r="B197" s="64"/>
      <c r="C197" s="60" t="s">
        <v>66</v>
      </c>
      <c r="D197" s="61"/>
      <c r="E197" s="62"/>
      <c r="F197" s="39" t="s">
        <v>51</v>
      </c>
      <c r="G197" s="36" t="s">
        <v>52</v>
      </c>
      <c r="H197" s="37"/>
      <c r="I197" s="38"/>
    </row>
    <row r="198" spans="1:9" s="5" customFormat="1" ht="14.25" customHeight="1" x14ac:dyDescent="0.2">
      <c r="A198" s="43"/>
      <c r="B198" s="64"/>
      <c r="C198" s="40" t="s">
        <v>67</v>
      </c>
      <c r="D198" s="41"/>
      <c r="E198" s="42"/>
      <c r="F198" s="39" t="s">
        <v>51</v>
      </c>
      <c r="G198" s="36" t="s">
        <v>52</v>
      </c>
      <c r="H198" s="37"/>
      <c r="I198" s="38"/>
    </row>
    <row r="199" spans="1:9" s="5" customFormat="1" ht="14.25" customHeight="1" x14ac:dyDescent="0.2">
      <c r="B199" s="64"/>
      <c r="C199" s="40" t="s">
        <v>68</v>
      </c>
      <c r="D199" s="41"/>
      <c r="E199" s="42"/>
      <c r="F199" s="39" t="s">
        <v>51</v>
      </c>
      <c r="G199" s="36" t="s">
        <v>61</v>
      </c>
      <c r="H199" s="37"/>
      <c r="I199" s="38"/>
    </row>
    <row r="200" spans="1:9" s="5" customFormat="1" ht="14.25" customHeight="1" x14ac:dyDescent="0.2">
      <c r="B200" s="64"/>
      <c r="C200" s="60" t="s">
        <v>69</v>
      </c>
      <c r="D200" s="61"/>
      <c r="E200" s="62"/>
      <c r="F200" s="39" t="s">
        <v>51</v>
      </c>
      <c r="G200" s="36" t="s">
        <v>61</v>
      </c>
      <c r="H200" s="37"/>
      <c r="I200" s="38"/>
    </row>
    <row r="201" spans="1:9" s="5" customFormat="1" ht="14.25" customHeight="1" x14ac:dyDescent="0.2">
      <c r="B201" s="65"/>
      <c r="C201" s="40" t="s">
        <v>70</v>
      </c>
      <c r="D201" s="41"/>
      <c r="E201" s="42"/>
      <c r="F201" s="39" t="s">
        <v>51</v>
      </c>
      <c r="G201" s="36" t="s">
        <v>71</v>
      </c>
      <c r="H201" s="37"/>
      <c r="I201" s="38"/>
    </row>
    <row r="202" spans="1:9" s="5" customFormat="1" ht="14.25" customHeight="1" x14ac:dyDescent="0.2">
      <c r="B202" s="57" t="s">
        <v>81</v>
      </c>
      <c r="C202" s="58"/>
      <c r="D202" s="58"/>
      <c r="E202" s="59"/>
      <c r="F202" s="39" t="s">
        <v>72</v>
      </c>
      <c r="G202" s="49" t="s">
        <v>61</v>
      </c>
      <c r="H202" s="50"/>
      <c r="I202" s="51"/>
    </row>
    <row r="203" spans="1:9" s="5" customFormat="1" ht="14.25" customHeight="1" x14ac:dyDescent="0.2">
      <c r="G203" s="8"/>
      <c r="H203" s="8"/>
    </row>
    <row r="204" spans="1:9" s="5" customFormat="1" ht="14.25" customHeight="1" x14ac:dyDescent="0.2">
      <c r="G204" s="8"/>
      <c r="H204" s="8"/>
    </row>
    <row r="205" spans="1:9" s="5" customFormat="1" ht="14.25" customHeight="1" x14ac:dyDescent="0.2">
      <c r="A205" s="5" t="s">
        <v>134</v>
      </c>
    </row>
    <row r="206" spans="1:9" s="5" customFormat="1" ht="14.25" customHeight="1" x14ac:dyDescent="0.2">
      <c r="A206" s="5" t="s">
        <v>73</v>
      </c>
    </row>
    <row r="207" spans="1:9" s="5" customFormat="1" ht="14.25" customHeight="1" x14ac:dyDescent="0.2"/>
    <row r="208" spans="1:9" s="5" customFormat="1" ht="14.25" customHeight="1" x14ac:dyDescent="0.2">
      <c r="B208" s="8"/>
      <c r="E208" s="5" t="s">
        <v>44</v>
      </c>
      <c r="G208" s="8" t="s">
        <v>45</v>
      </c>
      <c r="H208" s="8"/>
    </row>
    <row r="209" spans="1:9" s="5" customFormat="1" ht="14.25" customHeight="1" x14ac:dyDescent="0.2">
      <c r="B209" s="8"/>
      <c r="D209" s="8"/>
      <c r="G209" s="8"/>
      <c r="H209" s="8"/>
    </row>
    <row r="210" spans="1:9" s="5" customFormat="1" ht="14.25" customHeight="1" x14ac:dyDescent="0.2">
      <c r="A210" s="5" t="s">
        <v>82</v>
      </c>
    </row>
    <row r="211" spans="1:9" s="5" customFormat="1" ht="14.25" customHeight="1" x14ac:dyDescent="0.2">
      <c r="A211" s="34" t="s">
        <v>83</v>
      </c>
    </row>
    <row r="212" spans="1:9" s="5" customFormat="1" ht="14.25" customHeight="1" x14ac:dyDescent="0.2">
      <c r="G212" s="8"/>
      <c r="H212" s="8"/>
    </row>
    <row r="213" spans="1:9" s="5" customFormat="1" ht="14.25" customHeight="1" x14ac:dyDescent="0.2">
      <c r="C213" s="8"/>
      <c r="E213" s="5" t="s">
        <v>44</v>
      </c>
      <c r="G213" s="8" t="s">
        <v>45</v>
      </c>
      <c r="H213" s="8"/>
    </row>
    <row r="214" spans="1:9" s="5" customFormat="1" ht="14.25" customHeight="1" x14ac:dyDescent="0.2">
      <c r="G214" s="8"/>
      <c r="H214" s="8"/>
    </row>
    <row r="215" spans="1:9" s="5" customFormat="1" ht="14.25" customHeight="1" x14ac:dyDescent="0.2">
      <c r="A215" s="34" t="s">
        <v>84</v>
      </c>
    </row>
    <row r="216" spans="1:9" s="5" customFormat="1" ht="14.25" customHeight="1" x14ac:dyDescent="0.2">
      <c r="G216" s="8"/>
      <c r="H216" s="8"/>
    </row>
    <row r="217" spans="1:9" s="5" customFormat="1" ht="14.25" customHeight="1" x14ac:dyDescent="0.2">
      <c r="C217" s="8"/>
      <c r="E217" s="5" t="s">
        <v>44</v>
      </c>
      <c r="G217" s="8" t="s">
        <v>45</v>
      </c>
      <c r="H217" s="8"/>
    </row>
    <row r="218" spans="1:9" s="5" customFormat="1" ht="14.25" customHeight="1" x14ac:dyDescent="0.2">
      <c r="G218" s="8"/>
      <c r="H218" s="8"/>
    </row>
    <row r="219" spans="1:9" s="5" customFormat="1" ht="14.25" customHeight="1" x14ac:dyDescent="0.2">
      <c r="A219" s="34" t="s">
        <v>85</v>
      </c>
    </row>
    <row r="220" spans="1:9" s="5" customFormat="1" ht="14.25" customHeight="1" x14ac:dyDescent="0.2"/>
    <row r="221" spans="1:9" s="5" customFormat="1" ht="14.25" customHeight="1" x14ac:dyDescent="0.2">
      <c r="C221" s="8"/>
      <c r="E221" s="5" t="s">
        <v>44</v>
      </c>
      <c r="G221" s="8" t="s">
        <v>45</v>
      </c>
      <c r="H221" s="8"/>
    </row>
    <row r="222" spans="1:9" s="5" customFormat="1" ht="14.25" customHeight="1" x14ac:dyDescent="0.2">
      <c r="C222" s="8"/>
      <c r="G222" s="8"/>
      <c r="H222" s="8"/>
    </row>
    <row r="223" spans="1:9" s="9" customFormat="1" ht="14" x14ac:dyDescent="0.2">
      <c r="A223" s="9" t="s">
        <v>135</v>
      </c>
      <c r="G223" s="12" t="s">
        <v>111</v>
      </c>
      <c r="H223" s="12"/>
      <c r="I223" s="9" t="s">
        <v>112</v>
      </c>
    </row>
    <row r="224" spans="1:9" s="9" customFormat="1" ht="14" x14ac:dyDescent="0.2">
      <c r="A224" s="9" t="s">
        <v>113</v>
      </c>
      <c r="G224" s="12"/>
      <c r="H224" s="12"/>
    </row>
    <row r="225" spans="1:9" s="9" customFormat="1" ht="14" x14ac:dyDescent="0.2">
      <c r="G225" s="12"/>
      <c r="H225" s="12"/>
    </row>
    <row r="226" spans="1:9" s="9" customFormat="1" ht="14" x14ac:dyDescent="0.2">
      <c r="A226" s="9" t="s">
        <v>136</v>
      </c>
      <c r="G226" s="12" t="s">
        <v>114</v>
      </c>
      <c r="H226" s="12" t="s">
        <v>115</v>
      </c>
    </row>
    <row r="227" spans="1:9" s="9" customFormat="1" ht="14" x14ac:dyDescent="0.2">
      <c r="A227" s="9" t="s">
        <v>116</v>
      </c>
      <c r="G227" s="12"/>
      <c r="H227" s="12"/>
    </row>
    <row r="228" spans="1:9" s="9" customFormat="1" ht="14" x14ac:dyDescent="0.2">
      <c r="G228" s="12"/>
      <c r="H228" s="12"/>
    </row>
    <row r="229" spans="1:9" s="9" customFormat="1" ht="14" x14ac:dyDescent="0.2">
      <c r="A229" s="9" t="s">
        <v>160</v>
      </c>
      <c r="G229" s="9" t="s">
        <v>44</v>
      </c>
      <c r="H229" s="12" t="s">
        <v>45</v>
      </c>
      <c r="I229" s="12"/>
    </row>
    <row r="230" spans="1:9" s="9" customFormat="1" ht="14" x14ac:dyDescent="0.2">
      <c r="A230" s="9" t="s">
        <v>161</v>
      </c>
      <c r="G230" s="12"/>
      <c r="H230" s="12"/>
    </row>
    <row r="231" spans="1:9" s="9" customFormat="1" ht="14" x14ac:dyDescent="0.2"/>
    <row r="232" spans="1:9" s="5" customFormat="1" ht="14.25" customHeight="1" x14ac:dyDescent="0.2">
      <c r="A232" s="5" t="s">
        <v>91</v>
      </c>
    </row>
    <row r="233" spans="1:9" s="5" customFormat="1" ht="14.25" customHeight="1" x14ac:dyDescent="0.2"/>
    <row r="234" spans="1:9" s="9" customFormat="1" ht="14.25" customHeight="1" x14ac:dyDescent="0.2">
      <c r="A234" s="44" t="s">
        <v>88</v>
      </c>
      <c r="B234" s="9" t="s">
        <v>169</v>
      </c>
    </row>
    <row r="235" spans="1:9" s="9" customFormat="1" ht="14.25" customHeight="1" x14ac:dyDescent="0.2">
      <c r="A235" s="44"/>
      <c r="B235" s="9" t="s">
        <v>99</v>
      </c>
    </row>
    <row r="236" spans="1:9" s="9" customFormat="1" ht="14.25" customHeight="1" x14ac:dyDescent="0.2">
      <c r="A236" s="44" t="s">
        <v>88</v>
      </c>
      <c r="B236" s="9" t="s">
        <v>169</v>
      </c>
    </row>
    <row r="237" spans="1:9" s="9" customFormat="1" ht="14.25" customHeight="1" x14ac:dyDescent="0.2">
      <c r="A237" s="44"/>
      <c r="B237" s="9" t="s">
        <v>100</v>
      </c>
    </row>
    <row r="238" spans="1:9" s="5" customFormat="1" ht="14.25" customHeight="1" x14ac:dyDescent="0.2">
      <c r="A238" s="44" t="s">
        <v>88</v>
      </c>
      <c r="B238" s="5" t="s">
        <v>94</v>
      </c>
    </row>
    <row r="239" spans="1:9" s="5" customFormat="1" ht="14.25" customHeight="1" x14ac:dyDescent="0.2">
      <c r="A239" s="44" t="s">
        <v>88</v>
      </c>
      <c r="B239" s="5" t="s">
        <v>92</v>
      </c>
    </row>
    <row r="240" spans="1:9" s="5" customFormat="1" ht="14.25" customHeight="1" x14ac:dyDescent="0.2">
      <c r="A240" s="44" t="s">
        <v>88</v>
      </c>
      <c r="B240" s="5" t="s">
        <v>93</v>
      </c>
    </row>
    <row r="241" spans="1:10" s="5" customFormat="1" ht="14.25" customHeight="1" x14ac:dyDescent="0.2">
      <c r="A241" s="44" t="s">
        <v>88</v>
      </c>
      <c r="B241" s="5" t="s">
        <v>95</v>
      </c>
    </row>
    <row r="242" spans="1:10" s="5" customFormat="1" ht="14.25" customHeight="1" x14ac:dyDescent="0.2">
      <c r="A242" s="44" t="s">
        <v>88</v>
      </c>
      <c r="B242" s="5" t="s">
        <v>96</v>
      </c>
    </row>
    <row r="243" spans="1:10" s="5" customFormat="1" ht="14.25" customHeight="1" x14ac:dyDescent="0.2">
      <c r="A243" s="44" t="s">
        <v>88</v>
      </c>
      <c r="B243" s="5" t="s">
        <v>97</v>
      </c>
    </row>
    <row r="244" spans="1:10" s="5" customFormat="1" ht="14.25" customHeight="1" x14ac:dyDescent="0.2">
      <c r="A244" s="44" t="s">
        <v>88</v>
      </c>
      <c r="B244" s="5" t="s">
        <v>98</v>
      </c>
    </row>
    <row r="245" spans="1:10" s="5" customFormat="1" ht="14.25" customHeight="1" x14ac:dyDescent="0.2">
      <c r="A245" s="44" t="s">
        <v>88</v>
      </c>
      <c r="B245" s="5" t="s">
        <v>25</v>
      </c>
    </row>
    <row r="246" spans="1:10" s="5" customFormat="1" ht="14.25" customHeight="1" x14ac:dyDescent="0.2">
      <c r="A246" s="44" t="s">
        <v>88</v>
      </c>
      <c r="B246" s="5" t="s">
        <v>26</v>
      </c>
    </row>
    <row r="247" spans="1:10" s="9" customFormat="1" ht="14" x14ac:dyDescent="0.2">
      <c r="A247" s="9" t="s">
        <v>87</v>
      </c>
    </row>
    <row r="248" spans="1:10" ht="22.5" customHeight="1" x14ac:dyDescent="0.2">
      <c r="J248" s="46"/>
    </row>
    <row r="249" spans="1:10" ht="22.5" customHeight="1" x14ac:dyDescent="0.2">
      <c r="A249" s="46"/>
      <c r="B249" s="46"/>
      <c r="C249" s="47"/>
      <c r="D249" s="47"/>
      <c r="E249" s="47"/>
      <c r="F249" s="46"/>
      <c r="G249" s="48"/>
      <c r="I249" s="46"/>
    </row>
    <row r="250" spans="1:10" ht="22.5" customHeight="1" x14ac:dyDescent="0.2">
      <c r="A250" s="46"/>
      <c r="E250" s="46"/>
      <c r="F250" s="46"/>
      <c r="G250" s="46"/>
      <c r="H250" s="46"/>
      <c r="I250" s="46"/>
      <c r="J250" s="46"/>
    </row>
    <row r="251" spans="1:10" ht="22.5" customHeight="1" x14ac:dyDescent="0.2">
      <c r="A251" s="46"/>
      <c r="B251" s="46"/>
      <c r="C251" s="46"/>
      <c r="D251" s="46"/>
      <c r="E251" s="46"/>
      <c r="F251" s="46"/>
      <c r="G251" s="46"/>
      <c r="H251" s="46"/>
      <c r="I251" s="46"/>
      <c r="J251" s="46"/>
    </row>
    <row r="252" spans="1:10" ht="22.5" customHeight="1" x14ac:dyDescent="0.2">
      <c r="A252" s="46"/>
      <c r="B252" s="46"/>
      <c r="C252" s="46"/>
      <c r="D252" s="46"/>
      <c r="E252" s="46"/>
      <c r="F252" s="46"/>
      <c r="G252" s="46"/>
      <c r="H252" s="46"/>
      <c r="I252" s="46"/>
      <c r="J252" s="46"/>
    </row>
    <row r="253" spans="1:10" ht="22.5" customHeight="1" x14ac:dyDescent="0.2">
      <c r="A253" s="46"/>
      <c r="B253" s="46"/>
      <c r="D253" s="46"/>
      <c r="E253" s="46"/>
      <c r="F253" s="46"/>
      <c r="G253" s="46"/>
      <c r="H253" s="46"/>
      <c r="I253" s="46"/>
      <c r="J253" s="46"/>
    </row>
    <row r="254" spans="1:10" ht="22.5" customHeight="1" x14ac:dyDescent="0.2">
      <c r="B254" s="46"/>
      <c r="C254" s="47"/>
      <c r="D254" s="47"/>
    </row>
    <row r="255" spans="1:10" ht="22.5" customHeight="1" x14ac:dyDescent="0.2">
      <c r="A255" s="46"/>
      <c r="B255" s="46"/>
      <c r="C255" s="46"/>
      <c r="D255" s="46"/>
      <c r="E255" s="46"/>
      <c r="F255" s="46"/>
      <c r="G255" s="46"/>
      <c r="H255" s="46"/>
      <c r="I255" s="46"/>
      <c r="J255" s="46"/>
    </row>
  </sheetData>
  <mergeCells count="17">
    <mergeCell ref="F57:J57"/>
    <mergeCell ref="A1:J1"/>
    <mergeCell ref="B202:E202"/>
    <mergeCell ref="G202:I202"/>
    <mergeCell ref="C188:E188"/>
    <mergeCell ref="C189:E189"/>
    <mergeCell ref="B190:B201"/>
    <mergeCell ref="C197:E197"/>
    <mergeCell ref="C200:E200"/>
    <mergeCell ref="B185:E185"/>
    <mergeCell ref="G185:I185"/>
    <mergeCell ref="B186:B189"/>
    <mergeCell ref="A87:E87"/>
    <mergeCell ref="A98:E98"/>
    <mergeCell ref="A110:E110"/>
    <mergeCell ref="A100:E100"/>
    <mergeCell ref="A156:H156"/>
  </mergeCells>
  <phoneticPr fontId="2"/>
  <pageMargins left="0.39370078740157483" right="0.39370078740157483" top="0.59055118110236227" bottom="0.59055118110236227" header="0.70866141732283472" footer="0.11811023622047245"/>
  <pageSetup paperSize="9" scale="96" orientation="portrait" r:id="rId1"/>
  <headerFooter alignWithMargins="0">
    <oddFooter>&amp;C&amp;P</oddFooter>
  </headerFooter>
  <rowBreaks count="2" manualBreakCount="2">
    <brk id="54" max="9" man="1"/>
    <brk id="166"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児童発達支援Ｃ</vt:lpstr>
      <vt:lpstr>児童発達支援Ｃ!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4-07-19T11:22:59Z</cp:lastPrinted>
  <dcterms:created xsi:type="dcterms:W3CDTF">2021-09-10T10:30:53Z</dcterms:created>
  <dcterms:modified xsi:type="dcterms:W3CDTF">2025-08-05T09:08:58Z</dcterms:modified>
</cp:coreProperties>
</file>